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9-1表（医療）" sheetId="1" r:id="rId1"/>
  </sheets>
  <definedNames>
    <definedName name="_Fill" hidden="1">#REF!</definedName>
    <definedName name="_Key1" hidden="1">#REF!</definedName>
    <definedName name="_Order1" hidden="1">0</definedName>
    <definedName name="_Regression_Int" localSheetId="0" hidden="1">1</definedName>
    <definedName name="\a">#REF!</definedName>
    <definedName name="\b">#REF!</definedName>
    <definedName name="_xlnm.Print_Area" localSheetId="0">'第9-1表（医療）'!$A$1:$AI$50</definedName>
    <definedName name="Print_Area_MI" localSheetId="0">'第9-1表（医療）'!$A$1:$R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0" uniqueCount="143">
  <si>
    <t>第９－１表 保険料(税)の賦課状況－１  （医療分）</t>
    <phoneticPr fontId="5"/>
  </si>
  <si>
    <t>第９－１表 保険料(税)の賦課状況－２   （医療分）</t>
    <phoneticPr fontId="5"/>
  </si>
  <si>
    <t>単位（千円）</t>
    <phoneticPr fontId="5"/>
  </si>
  <si>
    <t>保険者名</t>
  </si>
  <si>
    <t>料税の別</t>
  </si>
  <si>
    <t>賦課
方式</t>
    <rPh sb="3" eb="4">
      <t>ホウホウ</t>
    </rPh>
    <rPh sb="4" eb="5">
      <t>シキ</t>
    </rPh>
    <phoneticPr fontId="5"/>
  </si>
  <si>
    <t>収納期日及び回数</t>
    <rPh sb="0" eb="2">
      <t>シュウノウ</t>
    </rPh>
    <rPh sb="2" eb="4">
      <t>キジツ</t>
    </rPh>
    <rPh sb="4" eb="5">
      <t>オヨ</t>
    </rPh>
    <rPh sb="6" eb="8">
      <t>カイスウ</t>
    </rPh>
    <phoneticPr fontId="5"/>
  </si>
  <si>
    <t xml:space="preserve"> 所   得   割   基   礎</t>
    <phoneticPr fontId="5"/>
  </si>
  <si>
    <t>資産割基礎</t>
  </si>
  <si>
    <t>料  （税）  率</t>
    <rPh sb="8" eb="9">
      <t>リツ</t>
    </rPh>
    <phoneticPr fontId="5"/>
  </si>
  <si>
    <t>賦  課</t>
  </si>
  <si>
    <t>課税対象額</t>
    <phoneticPr fontId="5"/>
  </si>
  <si>
    <t>保  険  料  税  算  定  額  及  び  割  合</t>
    <phoneticPr fontId="5"/>
  </si>
  <si>
    <t>算定額</t>
    <phoneticPr fontId="5"/>
  </si>
  <si>
    <t>軽減額</t>
    <phoneticPr fontId="5"/>
  </si>
  <si>
    <t>災害等</t>
  </si>
  <si>
    <t>その他</t>
  </si>
  <si>
    <t>限度額を</t>
  </si>
  <si>
    <t>増減額</t>
    <rPh sb="0" eb="3">
      <t>ゾウゲンガク</t>
    </rPh>
    <phoneticPr fontId="5"/>
  </si>
  <si>
    <t>調定額</t>
    <phoneticPr fontId="5"/>
  </si>
  <si>
    <t>料</t>
  </si>
  <si>
    <t>税</t>
  </si>
  <si>
    <t>回数</t>
    <rPh sb="0" eb="2">
      <t>カイスウ</t>
    </rPh>
    <phoneticPr fontId="5"/>
  </si>
  <si>
    <t>収納月</t>
    <rPh sb="0" eb="2">
      <t>シュウノウ</t>
    </rPh>
    <rPh sb="2" eb="3">
      <t>ツキ</t>
    </rPh>
    <phoneticPr fontId="5"/>
  </si>
  <si>
    <t>総所得</t>
  </si>
  <si>
    <t>市町村民税</t>
  </si>
  <si>
    <t>そ  の  他</t>
  </si>
  <si>
    <t>固定資産税</t>
  </si>
  <si>
    <t>所得割</t>
  </si>
  <si>
    <t>資産割</t>
  </si>
  <si>
    <t>均等割</t>
  </si>
  <si>
    <t>平等割</t>
  </si>
  <si>
    <t>限度額</t>
  </si>
  <si>
    <t>所得割額</t>
  </si>
  <si>
    <t>資産割額</t>
  </si>
  <si>
    <t>所得割額</t>
    <phoneticPr fontId="5"/>
  </si>
  <si>
    <t>資産割額</t>
    <phoneticPr fontId="5"/>
  </si>
  <si>
    <t>均等割額</t>
    <phoneticPr fontId="5"/>
  </si>
  <si>
    <t>平等割額</t>
    <phoneticPr fontId="5"/>
  </si>
  <si>
    <t>減免額</t>
  </si>
  <si>
    <t>超える額</t>
    <rPh sb="0" eb="1">
      <t>コ</t>
    </rPh>
    <phoneticPr fontId="5"/>
  </si>
  <si>
    <t>(A)-(B)-(C)</t>
  </si>
  <si>
    <t>金額</t>
  </si>
  <si>
    <t>土地家屋額</t>
  </si>
  <si>
    <t>%</t>
  </si>
  <si>
    <t>円</t>
  </si>
  <si>
    <t>万円</t>
    <rPh sb="0" eb="2">
      <t>マンエン</t>
    </rPh>
    <phoneticPr fontId="5"/>
  </si>
  <si>
    <t>千円</t>
  </si>
  <si>
    <t>金額（千円）</t>
  </si>
  <si>
    <t>(A)</t>
  </si>
  <si>
    <t>(B)</t>
  </si>
  <si>
    <t xml:space="preserve"> (C)</t>
  </si>
  <si>
    <t>(D)</t>
  </si>
  <si>
    <t>(E)</t>
  </si>
  <si>
    <t>(F)</t>
  </si>
  <si>
    <t>-(D)-(E)+(F)</t>
  </si>
  <si>
    <t xml:space="preserve"> 横浜市</t>
    <phoneticPr fontId="5"/>
  </si>
  <si>
    <t>○</t>
  </si>
  <si>
    <t>2</t>
  </si>
  <si>
    <t>10</t>
  </si>
  <si>
    <t>6月から毎月</t>
  </si>
  <si>
    <t>○</t>
    <phoneticPr fontId="5"/>
  </si>
  <si>
    <t>－</t>
    <phoneticPr fontId="5"/>
  </si>
  <si>
    <t>-</t>
  </si>
  <si>
    <t xml:space="preserve"> 川崎市</t>
  </si>
  <si>
    <t>－</t>
    <phoneticPr fontId="5"/>
  </si>
  <si>
    <t xml:space="preserve"> 横須賀市</t>
  </si>
  <si>
    <t>3</t>
  </si>
  <si>
    <t xml:space="preserve"> 平塚市</t>
  </si>
  <si>
    <t xml:space="preserve"> 鎌倉市</t>
  </si>
  <si>
    <t>○</t>
    <phoneticPr fontId="5"/>
  </si>
  <si>
    <t xml:space="preserve"> 藤沢市</t>
  </si>
  <si>
    <t xml:space="preserve"> 小田原市</t>
  </si>
  <si>
    <t xml:space="preserve"> 茅ヶ崎市</t>
  </si>
  <si>
    <t>7月から毎月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>4</t>
  </si>
  <si>
    <t>4月から毎月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>－</t>
  </si>
  <si>
    <t xml:space="preserve"> 寒川町</t>
  </si>
  <si>
    <t xml:space="preserve"> 大磯町</t>
  </si>
  <si>
    <t xml:space="preserve"> 二宮町</t>
  </si>
  <si>
    <t xml:space="preserve"> 中井町</t>
  </si>
  <si>
    <t>4/6/8/10/12/2</t>
  </si>
  <si>
    <t xml:space="preserve"> 大井町</t>
  </si>
  <si>
    <t>5月、7月以降毎月</t>
    <rPh sb="1" eb="2">
      <t>ガツ</t>
    </rPh>
    <rPh sb="4" eb="7">
      <t>ガツイコウ</t>
    </rPh>
    <rPh sb="7" eb="9">
      <t>マイツキ</t>
    </rPh>
    <phoneticPr fontId="1"/>
  </si>
  <si>
    <t xml:space="preserve"> 松田町</t>
  </si>
  <si>
    <t>5月から2月の毎月</t>
  </si>
  <si>
    <t xml:space="preserve"> 山北町</t>
  </si>
  <si>
    <t>4/7/8/9/10/11/12/1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 師</t>
    <phoneticPr fontId="5"/>
  </si>
  <si>
    <t>○</t>
    <phoneticPr fontId="5"/>
  </si>
  <si>
    <t>12</t>
  </si>
  <si>
    <t>月額保険料：第一種（所得に応じて）8,500円～23,000円 / 第二種 8,000 円/ 家族 6,000円</t>
    <rPh sb="10" eb="12">
      <t>ショトク</t>
    </rPh>
    <rPh sb="13" eb="14">
      <t>オウ</t>
    </rPh>
    <rPh sb="30" eb="31">
      <t>エン</t>
    </rPh>
    <rPh sb="47" eb="49">
      <t>カゾク</t>
    </rPh>
    <phoneticPr fontId="5"/>
  </si>
  <si>
    <t xml:space="preserve"> 医 師</t>
    <phoneticPr fontId="5"/>
  </si>
  <si>
    <t xml:space="preserve"> 歯科医師</t>
  </si>
  <si>
    <t>月額保険料：第一種 25,000円 / 第二種 18,500 円/ 第三種 12,500円 / 家族 8,000円</t>
    <rPh sb="48" eb="50">
      <t>カゾク</t>
    </rPh>
    <phoneticPr fontId="5"/>
  </si>
  <si>
    <t xml:space="preserve"> 食品衛生</t>
  </si>
  <si>
    <t>月額保険料：第一種10,000円 / その他7,500 円</t>
    <rPh sb="21" eb="22">
      <t>タ</t>
    </rPh>
    <phoneticPr fontId="5"/>
  </si>
  <si>
    <t xml:space="preserve"> 薬剤師</t>
  </si>
  <si>
    <t>月額保険料：第一種 25,000円 / 第二種 19,000円 / 第三種　15,000円　/　家族(18歳以上） 7,000円/　家族（18歳未満）5,000円</t>
    <rPh sb="6" eb="9">
      <t>ダイイッシュ</t>
    </rPh>
    <rPh sb="20" eb="21">
      <t>ダイ</t>
    </rPh>
    <rPh sb="21" eb="22">
      <t>ニ</t>
    </rPh>
    <rPh sb="22" eb="23">
      <t>シュ</t>
    </rPh>
    <rPh sb="34" eb="35">
      <t>ダイ</t>
    </rPh>
    <rPh sb="35" eb="37">
      <t>サンシュ</t>
    </rPh>
    <rPh sb="44" eb="45">
      <t>エン</t>
    </rPh>
    <rPh sb="48" eb="50">
      <t>カゾク</t>
    </rPh>
    <rPh sb="53" eb="54">
      <t>サイ</t>
    </rPh>
    <rPh sb="54" eb="56">
      <t>イジョウ</t>
    </rPh>
    <rPh sb="66" eb="68">
      <t>カゾク</t>
    </rPh>
    <rPh sb="71" eb="74">
      <t>サイミマン</t>
    </rPh>
    <rPh sb="80" eb="81">
      <t>エン</t>
    </rPh>
    <phoneticPr fontId="5"/>
  </si>
  <si>
    <t xml:space="preserve"> 建設業</t>
  </si>
  <si>
    <t>月額保険料：事業主及び組合員（年齢と等級に応じて） 10,900～27,200 円/ 家族 2,700～3,400円</t>
    <rPh sb="9" eb="10">
      <t>オヨ</t>
    </rPh>
    <rPh sb="11" eb="13">
      <t>クミアイ</t>
    </rPh>
    <rPh sb="18" eb="20">
      <t>トウキュウ</t>
    </rPh>
    <phoneticPr fontId="5"/>
  </si>
  <si>
    <t xml:space="preserve"> 建設連合</t>
  </si>
  <si>
    <t>月額保険料：組合員（年齢と所得に応じて） 6,000～35,500円 / 家族 2,500円</t>
    <rPh sb="10" eb="12">
      <t>ネンレイ</t>
    </rPh>
    <phoneticPr fontId="5"/>
  </si>
  <si>
    <t>市           計</t>
    <phoneticPr fontId="5"/>
  </si>
  <si>
    <t>市           計</t>
    <phoneticPr fontId="5"/>
  </si>
  <si>
    <t>町   村   計</t>
    <phoneticPr fontId="5"/>
  </si>
  <si>
    <t>2方式: 2</t>
    <rPh sb="1" eb="3">
      <t>ホウシキ</t>
    </rPh>
    <phoneticPr fontId="5"/>
  </si>
  <si>
    <t>町   村   計</t>
    <phoneticPr fontId="5"/>
  </si>
  <si>
    <t>市町村計</t>
    <phoneticPr fontId="5"/>
  </si>
  <si>
    <t>3方式:21</t>
    <rPh sb="1" eb="3">
      <t>ホウシキ</t>
    </rPh>
    <phoneticPr fontId="5"/>
  </si>
  <si>
    <t>市町村計</t>
    <phoneticPr fontId="5"/>
  </si>
  <si>
    <t>組   合   計</t>
    <phoneticPr fontId="5"/>
  </si>
  <si>
    <t>4方式:10</t>
    <rPh sb="1" eb="3">
      <t>ホウシキ</t>
    </rPh>
    <phoneticPr fontId="5"/>
  </si>
  <si>
    <t>－</t>
    <phoneticPr fontId="5"/>
  </si>
  <si>
    <t>－</t>
    <phoneticPr fontId="5"/>
  </si>
  <si>
    <t>－</t>
    <phoneticPr fontId="5"/>
  </si>
  <si>
    <t>－</t>
    <phoneticPr fontId="5"/>
  </si>
  <si>
    <t>組   合   計</t>
    <phoneticPr fontId="5"/>
  </si>
  <si>
    <t>－</t>
    <phoneticPr fontId="5"/>
  </si>
  <si>
    <t>－</t>
    <phoneticPr fontId="5"/>
  </si>
  <si>
    <t>－</t>
    <phoneticPr fontId="5"/>
  </si>
  <si>
    <t>県           計</t>
    <phoneticPr fontId="5"/>
  </si>
  <si>
    <t>県           計</t>
    <phoneticPr fontId="5"/>
  </si>
  <si>
    <t>（注）課税対象額は一般分＋退職分</t>
    <rPh sb="1" eb="2">
      <t>チュウ</t>
    </rPh>
    <rPh sb="3" eb="5">
      <t>カゼイ</t>
    </rPh>
    <rPh sb="5" eb="7">
      <t>タイショウ</t>
    </rPh>
    <rPh sb="7" eb="8">
      <t>ガク</t>
    </rPh>
    <rPh sb="9" eb="11">
      <t>イッパン</t>
    </rPh>
    <rPh sb="11" eb="12">
      <t>ブン</t>
    </rPh>
    <rPh sb="13" eb="15">
      <t>タイショク</t>
    </rPh>
    <rPh sb="15" eb="16">
      <t>ブ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;[Red]\-#,##0\ "/>
  </numFmts>
  <fonts count="11" x14ac:knownFonts="1"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u/>
      <sz val="9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9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37" fontId="2" fillId="0" borderId="0"/>
  </cellStyleXfs>
  <cellXfs count="294">
    <xf numFmtId="0" fontId="0" fillId="0" borderId="0" xfId="0"/>
    <xf numFmtId="37" fontId="3" fillId="0" borderId="0" xfId="1" applyFont="1" applyFill="1" applyBorder="1" applyAlignment="1" applyProtection="1">
      <alignment horizontal="left"/>
    </xf>
    <xf numFmtId="37" fontId="6" fillId="0" borderId="0" xfId="1" applyFont="1" applyBorder="1" applyProtection="1"/>
    <xf numFmtId="37" fontId="7" fillId="0" borderId="0" xfId="1" applyFont="1"/>
    <xf numFmtId="37" fontId="6" fillId="0" borderId="0" xfId="1" applyFont="1" applyFill="1" applyBorder="1" applyProtection="1"/>
    <xf numFmtId="37" fontId="3" fillId="0" borderId="0" xfId="1" applyFont="1" applyFill="1" applyBorder="1" applyProtection="1"/>
    <xf numFmtId="37" fontId="7" fillId="0" borderId="0" xfId="1" applyFont="1" applyBorder="1"/>
    <xf numFmtId="37" fontId="3" fillId="0" borderId="0" xfId="1" applyFont="1" applyAlignment="1" applyProtection="1">
      <alignment horizontal="left"/>
    </xf>
    <xf numFmtId="37" fontId="7" fillId="0" borderId="0" xfId="1" quotePrefix="1" applyFont="1" applyBorder="1"/>
    <xf numFmtId="37" fontId="7" fillId="0" borderId="1" xfId="1" applyFont="1" applyBorder="1"/>
    <xf numFmtId="37" fontId="7" fillId="0" borderId="8" xfId="1" applyFont="1" applyBorder="1" applyAlignment="1" applyProtection="1">
      <alignment horizontal="distributed" justifyLastLine="1"/>
    </xf>
    <xf numFmtId="37" fontId="7" fillId="0" borderId="6" xfId="1" applyFont="1" applyBorder="1" applyAlignment="1" applyProtection="1">
      <alignment horizontal="center"/>
    </xf>
    <xf numFmtId="37" fontId="7" fillId="0" borderId="12" xfId="1" applyFont="1" applyBorder="1" applyAlignment="1" applyProtection="1">
      <alignment horizontal="distributed" justifyLastLine="1"/>
    </xf>
    <xf numFmtId="37" fontId="7" fillId="0" borderId="13" xfId="1" applyFont="1" applyBorder="1" applyAlignment="1" applyProtection="1">
      <alignment horizontal="distributed" justifyLastLine="1"/>
    </xf>
    <xf numFmtId="37" fontId="7" fillId="0" borderId="0" xfId="1" applyFont="1" applyAlignment="1"/>
    <xf numFmtId="37" fontId="7" fillId="0" borderId="18" xfId="1" applyFont="1" applyBorder="1" applyAlignment="1" applyProtection="1">
      <alignment horizontal="center"/>
    </xf>
    <xf numFmtId="37" fontId="7" fillId="0" borderId="20" xfId="1" applyFont="1" applyBorder="1" applyAlignment="1" applyProtection="1">
      <alignment horizontal="center"/>
    </xf>
    <xf numFmtId="37" fontId="7" fillId="0" borderId="14" xfId="1" applyFont="1" applyBorder="1" applyAlignment="1" applyProtection="1">
      <alignment horizontal="distributed" justifyLastLine="1"/>
    </xf>
    <xf numFmtId="37" fontId="7" fillId="0" borderId="21" xfId="1" applyFont="1" applyBorder="1" applyAlignment="1" applyProtection="1">
      <alignment horizontal="distributed" justifyLastLine="1"/>
    </xf>
    <xf numFmtId="37" fontId="7" fillId="0" borderId="17" xfId="1" applyFont="1" applyBorder="1" applyAlignment="1" applyProtection="1">
      <alignment horizontal="center"/>
    </xf>
    <xf numFmtId="37" fontId="7" fillId="0" borderId="0" xfId="1" applyFont="1" applyBorder="1" applyAlignment="1" applyProtection="1">
      <alignment horizontal="distributed" justifyLastLine="1"/>
    </xf>
    <xf numFmtId="37" fontId="7" fillId="0" borderId="22" xfId="1" applyFont="1" applyBorder="1" applyAlignment="1" applyProtection="1">
      <alignment horizontal="distributed" justifyLastLine="1"/>
    </xf>
    <xf numFmtId="37" fontId="7" fillId="0" borderId="22" xfId="1" applyFont="1" applyBorder="1" applyAlignment="1" applyProtection="1">
      <alignment horizontal="center"/>
    </xf>
    <xf numFmtId="37" fontId="7" fillId="0" borderId="31" xfId="1" applyFont="1" applyBorder="1" applyAlignment="1" applyProtection="1">
      <alignment horizontal="center"/>
    </xf>
    <xf numFmtId="37" fontId="7" fillId="0" borderId="33" xfId="1" applyFont="1" applyBorder="1" applyAlignment="1" applyProtection="1">
      <alignment horizontal="center"/>
    </xf>
    <xf numFmtId="37" fontId="7" fillId="0" borderId="28" xfId="1" applyFont="1" applyBorder="1" applyAlignment="1" applyProtection="1">
      <alignment horizontal="right"/>
    </xf>
    <xf numFmtId="37" fontId="7" fillId="0" borderId="31" xfId="1" applyFont="1" applyBorder="1" applyAlignment="1" applyProtection="1">
      <alignment horizontal="right"/>
    </xf>
    <xf numFmtId="37" fontId="7" fillId="0" borderId="30" xfId="1" applyFont="1" applyBorder="1" applyAlignment="1" applyProtection="1">
      <alignment horizontal="right"/>
    </xf>
    <xf numFmtId="37" fontId="7" fillId="0" borderId="34" xfId="1" applyFont="1" applyBorder="1" applyAlignment="1" applyProtection="1">
      <alignment horizontal="right"/>
    </xf>
    <xf numFmtId="37" fontId="7" fillId="0" borderId="33" xfId="1" applyFont="1" applyBorder="1" applyAlignment="1" applyProtection="1">
      <alignment horizontal="right"/>
    </xf>
    <xf numFmtId="37" fontId="7" fillId="0" borderId="34" xfId="1" applyFont="1" applyBorder="1" applyAlignment="1" applyProtection="1">
      <alignment horizontal="center"/>
    </xf>
    <xf numFmtId="37" fontId="7" fillId="0" borderId="35" xfId="1" applyFont="1" applyBorder="1" applyAlignment="1" applyProtection="1">
      <alignment horizontal="center"/>
    </xf>
    <xf numFmtId="37" fontId="7" fillId="0" borderId="36" xfId="1" applyFont="1" applyBorder="1" applyAlignment="1" applyProtection="1">
      <alignment horizontal="center"/>
    </xf>
    <xf numFmtId="37" fontId="7" fillId="0" borderId="37" xfId="1" applyFont="1" applyBorder="1" applyAlignment="1" applyProtection="1">
      <alignment horizontal="center"/>
    </xf>
    <xf numFmtId="37" fontId="7" fillId="0" borderId="31" xfId="1" applyFont="1" applyFill="1" applyBorder="1" applyAlignment="1" applyProtection="1">
      <alignment horizontal="right"/>
    </xf>
    <xf numFmtId="37" fontId="7" fillId="0" borderId="33" xfId="1" applyFont="1" applyBorder="1" applyAlignment="1" applyProtection="1">
      <alignment horizontal="left"/>
    </xf>
    <xf numFmtId="37" fontId="7" fillId="0" borderId="14" xfId="1" applyFont="1" applyFill="1" applyBorder="1" applyAlignment="1" applyProtection="1"/>
    <xf numFmtId="37" fontId="10" fillId="0" borderId="38" xfId="1" applyFont="1" applyFill="1" applyBorder="1" applyAlignment="1" applyProtection="1">
      <alignment horizontal="left"/>
    </xf>
    <xf numFmtId="1" fontId="7" fillId="0" borderId="38" xfId="0" applyNumberFormat="1" applyFont="1" applyFill="1" applyBorder="1" applyAlignment="1">
      <alignment horizontal="center"/>
    </xf>
    <xf numFmtId="4" fontId="7" fillId="0" borderId="38" xfId="0" applyNumberFormat="1" applyFont="1" applyFill="1" applyBorder="1" applyAlignment="1"/>
    <xf numFmtId="3" fontId="7" fillId="0" borderId="38" xfId="0" applyNumberFormat="1" applyFont="1" applyBorder="1" applyAlignment="1">
      <alignment horizontal="center"/>
    </xf>
    <xf numFmtId="3" fontId="7" fillId="0" borderId="39" xfId="0" applyNumberFormat="1" applyFont="1" applyBorder="1" applyAlignment="1">
      <alignment horizontal="center"/>
    </xf>
    <xf numFmtId="1" fontId="7" fillId="0" borderId="40" xfId="0" applyNumberFormat="1" applyFont="1" applyBorder="1" applyAlignment="1">
      <alignment horizontal="center"/>
    </xf>
    <xf numFmtId="37" fontId="7" fillId="0" borderId="39" xfId="1" applyFont="1" applyFill="1" applyBorder="1" applyAlignment="1" applyProtection="1">
      <alignment horizontal="center"/>
    </xf>
    <xf numFmtId="37" fontId="7" fillId="0" borderId="39" xfId="1" applyFont="1" applyFill="1" applyBorder="1" applyAlignment="1" applyProtection="1">
      <alignment horizontal="centerContinuous"/>
    </xf>
    <xf numFmtId="37" fontId="7" fillId="0" borderId="21" xfId="1" applyFont="1" applyFill="1" applyBorder="1" applyAlignment="1" applyProtection="1">
      <alignment horizontal="center"/>
    </xf>
    <xf numFmtId="37" fontId="7" fillId="0" borderId="22" xfId="1" quotePrefix="1" applyFont="1" applyFill="1" applyBorder="1" applyAlignment="1" applyProtection="1">
      <alignment horizontal="center"/>
    </xf>
    <xf numFmtId="2" fontId="7" fillId="0" borderId="38" xfId="0" applyNumberFormat="1" applyFont="1" applyBorder="1" applyAlignment="1"/>
    <xf numFmtId="37" fontId="7" fillId="0" borderId="42" xfId="1" quotePrefix="1" applyFont="1" applyFill="1" applyBorder="1" applyAlignment="1" applyProtection="1">
      <alignment horizontal="center"/>
    </xf>
    <xf numFmtId="3" fontId="7" fillId="0" borderId="43" xfId="0" applyNumberFormat="1" applyFont="1" applyBorder="1" applyAlignment="1"/>
    <xf numFmtId="1" fontId="7" fillId="0" borderId="38" xfId="0" applyNumberFormat="1" applyFont="1" applyBorder="1" applyAlignment="1"/>
    <xf numFmtId="37" fontId="7" fillId="0" borderId="44" xfId="1" applyNumberFormat="1" applyFont="1" applyFill="1" applyBorder="1" applyAlignment="1" applyProtection="1"/>
    <xf numFmtId="37" fontId="7" fillId="0" borderId="45" xfId="1" applyNumberFormat="1" applyFont="1" applyFill="1" applyBorder="1" applyAlignment="1" applyProtection="1"/>
    <xf numFmtId="39" fontId="7" fillId="0" borderId="46" xfId="1" applyNumberFormat="1" applyFont="1" applyFill="1" applyBorder="1" applyAlignment="1" applyProtection="1"/>
    <xf numFmtId="37" fontId="7" fillId="0" borderId="39" xfId="1" applyNumberFormat="1" applyFont="1" applyFill="1" applyBorder="1" applyAlignment="1" applyProtection="1"/>
    <xf numFmtId="39" fontId="7" fillId="0" borderId="47" xfId="1" applyNumberFormat="1" applyFont="1" applyFill="1" applyBorder="1" applyAlignment="1" applyProtection="1"/>
    <xf numFmtId="39" fontId="7" fillId="0" borderId="48" xfId="1" applyNumberFormat="1" applyFont="1" applyFill="1" applyBorder="1" applyAlignment="1" applyProtection="1"/>
    <xf numFmtId="37" fontId="7" fillId="0" borderId="41" xfId="1" applyNumberFormat="1" applyFont="1" applyFill="1" applyBorder="1" applyAlignment="1" applyProtection="1"/>
    <xf numFmtId="37" fontId="7" fillId="0" borderId="0" xfId="1" applyFont="1" applyFill="1" applyAlignment="1"/>
    <xf numFmtId="1" fontId="7" fillId="0" borderId="51" xfId="0" applyNumberFormat="1" applyFont="1" applyFill="1" applyBorder="1" applyAlignment="1">
      <alignment horizontal="center"/>
    </xf>
    <xf numFmtId="0" fontId="9" fillId="0" borderId="51" xfId="0" applyNumberFormat="1" applyFont="1" applyFill="1" applyBorder="1"/>
    <xf numFmtId="3" fontId="7" fillId="0" borderId="51" xfId="0" applyNumberFormat="1" applyFont="1" applyBorder="1" applyAlignment="1">
      <alignment horizontal="center"/>
    </xf>
    <xf numFmtId="3" fontId="7" fillId="0" borderId="25" xfId="0" applyNumberFormat="1" applyFont="1" applyBorder="1" applyAlignment="1">
      <alignment horizontal="center"/>
    </xf>
    <xf numFmtId="1" fontId="7" fillId="0" borderId="52" xfId="0" applyNumberFormat="1" applyFont="1" applyBorder="1" applyAlignment="1">
      <alignment horizontal="center"/>
    </xf>
    <xf numFmtId="37" fontId="7" fillId="0" borderId="53" xfId="1" quotePrefix="1" applyFont="1" applyFill="1" applyBorder="1" applyAlignment="1" applyProtection="1">
      <alignment horizontal="center"/>
    </xf>
    <xf numFmtId="2" fontId="7" fillId="0" borderId="51" xfId="0" applyNumberFormat="1" applyFont="1" applyBorder="1" applyAlignment="1"/>
    <xf numFmtId="37" fontId="7" fillId="0" borderId="51" xfId="1" quotePrefix="1" applyFont="1" applyFill="1" applyBorder="1" applyAlignment="1" applyProtection="1">
      <alignment horizontal="center"/>
    </xf>
    <xf numFmtId="3" fontId="7" fillId="0" borderId="24" xfId="0" applyNumberFormat="1" applyFont="1" applyBorder="1" applyAlignment="1"/>
    <xf numFmtId="1" fontId="7" fillId="0" borderId="51" xfId="0" applyNumberFormat="1" applyFont="1" applyBorder="1" applyAlignment="1"/>
    <xf numFmtId="4" fontId="7" fillId="0" borderId="51" xfId="0" applyNumberFormat="1" applyFont="1" applyFill="1" applyBorder="1" applyAlignment="1"/>
    <xf numFmtId="3" fontId="7" fillId="0" borderId="51" xfId="0" applyNumberFormat="1" applyFont="1" applyFill="1" applyBorder="1" applyAlignment="1">
      <alignment horizontal="center"/>
    </xf>
    <xf numFmtId="2" fontId="7" fillId="0" borderId="39" xfId="1" applyNumberFormat="1" applyFont="1" applyFill="1" applyBorder="1" applyAlignment="1" applyProtection="1"/>
    <xf numFmtId="37" fontId="7" fillId="0" borderId="39" xfId="1" applyFont="1" applyFill="1" applyBorder="1" applyAlignment="1"/>
    <xf numFmtId="3" fontId="7" fillId="0" borderId="51" xfId="0" applyNumberFormat="1" applyFont="1" applyBorder="1" applyAlignment="1"/>
    <xf numFmtId="1" fontId="7" fillId="0" borderId="51" xfId="0" applyNumberFormat="1" applyFont="1" applyFill="1" applyBorder="1" applyAlignment="1"/>
    <xf numFmtId="37" fontId="7" fillId="0" borderId="39" xfId="1" applyFont="1" applyFill="1" applyBorder="1" applyAlignment="1">
      <alignment horizontal="center"/>
    </xf>
    <xf numFmtId="37" fontId="7" fillId="0" borderId="39" xfId="1" applyFont="1" applyFill="1" applyBorder="1" applyAlignment="1">
      <alignment horizontal="centerContinuous"/>
    </xf>
    <xf numFmtId="3" fontId="7" fillId="0" borderId="25" xfId="0" applyNumberFormat="1" applyFont="1" applyFill="1" applyBorder="1" applyAlignment="1">
      <alignment horizontal="center"/>
    </xf>
    <xf numFmtId="1" fontId="7" fillId="0" borderId="52" xfId="0" applyNumberFormat="1" applyFont="1" applyFill="1" applyBorder="1" applyAlignment="1">
      <alignment horizontal="center"/>
    </xf>
    <xf numFmtId="2" fontId="7" fillId="0" borderId="51" xfId="0" applyNumberFormat="1" applyFont="1" applyFill="1" applyBorder="1" applyAlignment="1"/>
    <xf numFmtId="3" fontId="7" fillId="0" borderId="24" xfId="0" applyNumberFormat="1" applyFont="1" applyFill="1" applyBorder="1" applyAlignment="1"/>
    <xf numFmtId="3" fontId="7" fillId="0" borderId="51" xfId="0" applyNumberFormat="1" applyFont="1" applyFill="1" applyBorder="1" applyAlignment="1"/>
    <xf numFmtId="37" fontId="7" fillId="0" borderId="45" xfId="1" applyFont="1" applyFill="1" applyBorder="1" applyAlignment="1" applyProtection="1">
      <alignment horizontal="center"/>
    </xf>
    <xf numFmtId="2" fontId="7" fillId="0" borderId="51" xfId="0" applyNumberFormat="1" applyFont="1" applyBorder="1" applyAlignment="1">
      <alignment horizontal="center"/>
    </xf>
    <xf numFmtId="4" fontId="7" fillId="0" borderId="51" xfId="0" applyNumberFormat="1" applyFont="1" applyFill="1" applyBorder="1" applyAlignment="1">
      <alignment horizontal="center"/>
    </xf>
    <xf numFmtId="37" fontId="10" fillId="0" borderId="17" xfId="1" applyFont="1" applyFill="1" applyBorder="1" applyAlignment="1" applyProtection="1">
      <alignment horizontal="left"/>
    </xf>
    <xf numFmtId="4" fontId="7" fillId="0" borderId="54" xfId="0" applyNumberFormat="1" applyFont="1" applyFill="1" applyBorder="1" applyAlignment="1"/>
    <xf numFmtId="1" fontId="7" fillId="0" borderId="54" xfId="0" applyNumberFormat="1" applyFont="1" applyFill="1" applyBorder="1" applyAlignment="1">
      <alignment horizontal="center"/>
    </xf>
    <xf numFmtId="3" fontId="7" fillId="0" borderId="54" xfId="0" applyNumberFormat="1" applyFont="1" applyBorder="1" applyAlignment="1">
      <alignment horizontal="center"/>
    </xf>
    <xf numFmtId="3" fontId="7" fillId="0" borderId="55" xfId="0" applyNumberFormat="1" applyFont="1" applyBorder="1" applyAlignment="1">
      <alignment horizontal="center"/>
    </xf>
    <xf numFmtId="1" fontId="7" fillId="0" borderId="56" xfId="0" applyNumberFormat="1" applyFont="1" applyBorder="1" applyAlignment="1">
      <alignment horizontal="center"/>
    </xf>
    <xf numFmtId="2" fontId="7" fillId="0" borderId="21" xfId="1" applyNumberFormat="1" applyFont="1" applyFill="1" applyBorder="1" applyAlignment="1" applyProtection="1"/>
    <xf numFmtId="37" fontId="7" fillId="0" borderId="21" xfId="1" applyFont="1" applyFill="1" applyBorder="1" applyAlignment="1"/>
    <xf numFmtId="37" fontId="7" fillId="0" borderId="20" xfId="1" quotePrefix="1" applyFont="1" applyFill="1" applyBorder="1" applyAlignment="1" applyProtection="1">
      <alignment horizontal="center"/>
    </xf>
    <xf numFmtId="2" fontId="7" fillId="0" borderId="54" xfId="0" applyNumberFormat="1" applyFont="1" applyBorder="1" applyAlignment="1"/>
    <xf numFmtId="37" fontId="7" fillId="0" borderId="54" xfId="1" quotePrefix="1" applyFont="1" applyFill="1" applyBorder="1" applyAlignment="1" applyProtection="1">
      <alignment horizontal="center"/>
    </xf>
    <xf numFmtId="3" fontId="7" fillId="0" borderId="57" xfId="0" applyNumberFormat="1" applyFont="1" applyBorder="1" applyAlignment="1"/>
    <xf numFmtId="3" fontId="7" fillId="0" borderId="54" xfId="0" applyNumberFormat="1" applyFont="1" applyBorder="1" applyAlignment="1"/>
    <xf numFmtId="1" fontId="7" fillId="0" borderId="54" xfId="0" applyNumberFormat="1" applyFont="1" applyBorder="1" applyAlignment="1"/>
    <xf numFmtId="37" fontId="7" fillId="0" borderId="57" xfId="1" applyNumberFormat="1" applyFont="1" applyFill="1" applyBorder="1" applyAlignment="1" applyProtection="1"/>
    <xf numFmtId="37" fontId="7" fillId="0" borderId="22" xfId="1" applyNumberFormat="1" applyFont="1" applyFill="1" applyBorder="1" applyAlignment="1" applyProtection="1"/>
    <xf numFmtId="37" fontId="7" fillId="0" borderId="0" xfId="1" applyNumberFormat="1" applyFont="1" applyFill="1" applyBorder="1" applyAlignment="1" applyProtection="1"/>
    <xf numFmtId="39" fontId="7" fillId="0" borderId="58" xfId="1" applyNumberFormat="1" applyFont="1" applyFill="1" applyBorder="1" applyAlignment="1" applyProtection="1"/>
    <xf numFmtId="37" fontId="7" fillId="0" borderId="21" xfId="1" applyNumberFormat="1" applyFont="1" applyFill="1" applyBorder="1" applyAlignment="1" applyProtection="1"/>
    <xf numFmtId="39" fontId="7" fillId="0" borderId="59" xfId="1" applyNumberFormat="1" applyFont="1" applyFill="1" applyBorder="1" applyAlignment="1" applyProtection="1"/>
    <xf numFmtId="39" fontId="7" fillId="0" borderId="60" xfId="1" applyNumberFormat="1" applyFont="1" applyFill="1" applyBorder="1" applyAlignment="1" applyProtection="1"/>
    <xf numFmtId="37" fontId="7" fillId="0" borderId="14" xfId="1" applyNumberFormat="1" applyFont="1" applyFill="1" applyBorder="1" applyAlignment="1" applyProtection="1"/>
    <xf numFmtId="37" fontId="7" fillId="0" borderId="61" xfId="1" applyFont="1" applyFill="1" applyBorder="1" applyAlignment="1" applyProtection="1"/>
    <xf numFmtId="37" fontId="10" fillId="0" borderId="50" xfId="1" applyFont="1" applyFill="1" applyBorder="1" applyAlignment="1" applyProtection="1">
      <alignment horizontal="left"/>
    </xf>
    <xf numFmtId="37" fontId="7" fillId="0" borderId="49" xfId="1" applyFont="1" applyFill="1" applyBorder="1" applyAlignment="1">
      <alignment horizontal="center"/>
    </xf>
    <xf numFmtId="37" fontId="7" fillId="0" borderId="49" xfId="1" applyFont="1" applyFill="1" applyBorder="1" applyAlignment="1" applyProtection="1">
      <alignment horizontal="center"/>
    </xf>
    <xf numFmtId="37" fontId="7" fillId="0" borderId="49" xfId="1" applyFont="1" applyFill="1" applyBorder="1" applyAlignment="1"/>
    <xf numFmtId="37" fontId="7" fillId="0" borderId="62" xfId="1" applyFont="1" applyFill="1" applyBorder="1" applyAlignment="1" applyProtection="1">
      <alignment horizontal="center"/>
    </xf>
    <xf numFmtId="2" fontId="7" fillId="0" borderId="38" xfId="0" applyNumberFormat="1" applyFont="1" applyBorder="1" applyAlignment="1">
      <alignment horizontal="center"/>
    </xf>
    <xf numFmtId="3" fontId="7" fillId="0" borderId="38" xfId="0" applyNumberFormat="1" applyFont="1" applyBorder="1" applyAlignment="1"/>
    <xf numFmtId="37" fontId="7" fillId="0" borderId="62" xfId="1" applyNumberFormat="1" applyFont="1" applyFill="1" applyBorder="1" applyAlignment="1" applyProtection="1"/>
    <xf numFmtId="37" fontId="7" fillId="0" borderId="64" xfId="1" applyNumberFormat="1" applyFont="1" applyFill="1" applyBorder="1" applyAlignment="1" applyProtection="1"/>
    <xf numFmtId="39" fontId="7" fillId="0" borderId="65" xfId="1" applyNumberFormat="1" applyFont="1" applyFill="1" applyBorder="1" applyAlignment="1" applyProtection="1"/>
    <xf numFmtId="37" fontId="7" fillId="0" borderId="49" xfId="1" applyNumberFormat="1" applyFont="1" applyFill="1" applyBorder="1" applyAlignment="1" applyProtection="1"/>
    <xf numFmtId="39" fontId="7" fillId="0" borderId="66" xfId="1" applyNumberFormat="1" applyFont="1" applyFill="1" applyBorder="1" applyAlignment="1" applyProtection="1"/>
    <xf numFmtId="39" fontId="7" fillId="0" borderId="67" xfId="1" applyNumberFormat="1" applyFont="1" applyFill="1" applyBorder="1" applyAlignment="1" applyProtection="1"/>
    <xf numFmtId="37" fontId="7" fillId="0" borderId="63" xfId="1" applyNumberFormat="1" applyFont="1" applyFill="1" applyBorder="1" applyAlignment="1" applyProtection="1"/>
    <xf numFmtId="37" fontId="7" fillId="0" borderId="28" xfId="1" applyFont="1" applyFill="1" applyBorder="1" applyAlignment="1" applyProtection="1"/>
    <xf numFmtId="37" fontId="10" fillId="0" borderId="30" xfId="1" applyFont="1" applyFill="1" applyBorder="1" applyAlignment="1" applyProtection="1">
      <alignment horizontal="left"/>
    </xf>
    <xf numFmtId="3" fontId="7" fillId="0" borderId="54" xfId="0" applyNumberFormat="1" applyFont="1" applyFill="1" applyBorder="1" applyAlignment="1">
      <alignment horizontal="center"/>
    </xf>
    <xf numFmtId="3" fontId="7" fillId="0" borderId="55" xfId="0" applyNumberFormat="1" applyFont="1" applyFill="1" applyBorder="1" applyAlignment="1">
      <alignment horizontal="center"/>
    </xf>
    <xf numFmtId="1" fontId="7" fillId="0" borderId="56" xfId="0" applyNumberFormat="1" applyFont="1" applyFill="1" applyBorder="1" applyAlignment="1">
      <alignment horizontal="center"/>
    </xf>
    <xf numFmtId="37" fontId="7" fillId="0" borderId="55" xfId="1" applyFont="1" applyFill="1" applyBorder="1" applyAlignment="1" applyProtection="1">
      <alignment horizontal="center"/>
    </xf>
    <xf numFmtId="2" fontId="7" fillId="0" borderId="55" xfId="1" applyNumberFormat="1" applyFont="1" applyFill="1" applyBorder="1" applyAlignment="1" applyProtection="1"/>
    <xf numFmtId="37" fontId="7" fillId="0" borderId="55" xfId="1" applyFont="1" applyFill="1" applyBorder="1" applyAlignment="1"/>
    <xf numFmtId="37" fontId="7" fillId="0" borderId="68" xfId="1" quotePrefix="1" applyFont="1" applyFill="1" applyBorder="1" applyAlignment="1" applyProtection="1">
      <alignment horizontal="center"/>
    </xf>
    <xf numFmtId="2" fontId="7" fillId="0" borderId="54" xfId="0" applyNumberFormat="1" applyFont="1" applyFill="1" applyBorder="1" applyAlignment="1"/>
    <xf numFmtId="3" fontId="7" fillId="0" borderId="54" xfId="0" applyNumberFormat="1" applyFont="1" applyFill="1" applyBorder="1" applyAlignment="1"/>
    <xf numFmtId="1" fontId="7" fillId="0" borderId="54" xfId="0" applyNumberFormat="1" applyFont="1" applyFill="1" applyBorder="1" applyAlignment="1"/>
    <xf numFmtId="37" fontId="7" fillId="0" borderId="34" xfId="1" applyNumberFormat="1" applyFont="1" applyFill="1" applyBorder="1" applyAlignment="1" applyProtection="1"/>
    <xf numFmtId="37" fontId="7" fillId="0" borderId="33" xfId="1" applyNumberFormat="1" applyFont="1" applyFill="1" applyBorder="1" applyAlignment="1" applyProtection="1"/>
    <xf numFmtId="39" fontId="7" fillId="0" borderId="69" xfId="1" applyNumberFormat="1" applyFont="1" applyFill="1" applyBorder="1" applyAlignment="1" applyProtection="1"/>
    <xf numFmtId="37" fontId="7" fillId="0" borderId="31" xfId="1" applyNumberFormat="1" applyFont="1" applyFill="1" applyBorder="1" applyAlignment="1" applyProtection="1"/>
    <xf numFmtId="39" fontId="7" fillId="0" borderId="70" xfId="1" applyNumberFormat="1" applyFont="1" applyFill="1" applyBorder="1" applyAlignment="1" applyProtection="1"/>
    <xf numFmtId="39" fontId="7" fillId="0" borderId="71" xfId="1" applyNumberFormat="1" applyFont="1" applyFill="1" applyBorder="1" applyAlignment="1" applyProtection="1"/>
    <xf numFmtId="37" fontId="7" fillId="0" borderId="28" xfId="1" applyNumberFormat="1" applyFont="1" applyFill="1" applyBorder="1" applyAlignment="1" applyProtection="1"/>
    <xf numFmtId="38" fontId="7" fillId="0" borderId="31" xfId="1" applyNumberFormat="1" applyFont="1" applyFill="1" applyBorder="1" applyAlignment="1" applyProtection="1"/>
    <xf numFmtId="2" fontId="7" fillId="0" borderId="31" xfId="1" applyNumberFormat="1" applyFont="1" applyFill="1" applyBorder="1" applyAlignment="1" applyProtection="1"/>
    <xf numFmtId="37" fontId="7" fillId="0" borderId="31" xfId="1" applyFont="1" applyFill="1" applyBorder="1" applyAlignment="1"/>
    <xf numFmtId="37" fontId="7" fillId="0" borderId="43" xfId="1" applyFont="1" applyFill="1" applyBorder="1" applyAlignment="1" applyProtection="1">
      <alignment horizontal="center"/>
    </xf>
    <xf numFmtId="39" fontId="7" fillId="0" borderId="39" xfId="1" applyNumberFormat="1" applyFont="1" applyFill="1" applyBorder="1" applyAlignment="1" applyProtection="1">
      <alignment horizontal="centerContinuous"/>
    </xf>
    <xf numFmtId="37" fontId="7" fillId="0" borderId="49" xfId="1" applyNumberFormat="1" applyFont="1" applyFill="1" applyBorder="1" applyAlignment="1" applyProtection="1">
      <alignment horizontal="center"/>
    </xf>
    <xf numFmtId="37" fontId="7" fillId="0" borderId="72" xfId="1" applyNumberFormat="1" applyFont="1" applyFill="1" applyBorder="1" applyAlignment="1" applyProtection="1">
      <alignment horizontal="centerContinuous"/>
    </xf>
    <xf numFmtId="37" fontId="7" fillId="0" borderId="22" xfId="1" applyFont="1" applyFill="1" applyBorder="1" applyAlignment="1"/>
    <xf numFmtId="39" fontId="7" fillId="0" borderId="41" xfId="1" applyNumberFormat="1" applyFont="1" applyFill="1" applyBorder="1" applyAlignment="1" applyProtection="1">
      <alignment horizontal="left"/>
    </xf>
    <xf numFmtId="39" fontId="7" fillId="0" borderId="44" xfId="1" applyNumberFormat="1" applyFont="1" applyFill="1" applyBorder="1" applyAlignment="1" applyProtection="1"/>
    <xf numFmtId="37" fontId="7" fillId="0" borderId="44" xfId="1" applyFont="1" applyFill="1" applyBorder="1" applyAlignment="1"/>
    <xf numFmtId="37" fontId="7" fillId="0" borderId="73" xfId="1" applyNumberFormat="1" applyFont="1" applyFill="1" applyBorder="1" applyAlignment="1" applyProtection="1"/>
    <xf numFmtId="37" fontId="7" fillId="0" borderId="58" xfId="1" applyFont="1" applyFill="1" applyBorder="1" applyAlignment="1"/>
    <xf numFmtId="37" fontId="7" fillId="0" borderId="58" xfId="1" applyNumberFormat="1" applyFont="1" applyFill="1" applyBorder="1" applyAlignment="1" applyProtection="1"/>
    <xf numFmtId="37" fontId="7" fillId="0" borderId="59" xfId="1" applyNumberFormat="1" applyFont="1" applyFill="1" applyBorder="1" applyAlignment="1" applyProtection="1"/>
    <xf numFmtId="37" fontId="7" fillId="0" borderId="60" xfId="1" applyNumberFormat="1" applyFont="1" applyFill="1" applyBorder="1" applyAlignment="1" applyProtection="1"/>
    <xf numFmtId="38" fontId="7" fillId="0" borderId="21" xfId="1" applyNumberFormat="1" applyFont="1" applyFill="1" applyBorder="1" applyAlignment="1" applyProtection="1"/>
    <xf numFmtId="176" fontId="7" fillId="0" borderId="45" xfId="1" applyNumberFormat="1" applyFont="1" applyFill="1" applyBorder="1" applyAlignment="1" applyProtection="1"/>
    <xf numFmtId="37" fontId="7" fillId="0" borderId="25" xfId="1" applyNumberFormat="1" applyFont="1" applyFill="1" applyBorder="1" applyAlignment="1" applyProtection="1">
      <alignment horizontal="center"/>
    </xf>
    <xf numFmtId="37" fontId="7" fillId="0" borderId="74" xfId="1" applyNumberFormat="1" applyFont="1" applyFill="1" applyBorder="1" applyAlignment="1" applyProtection="1">
      <alignment horizontal="centerContinuous"/>
    </xf>
    <xf numFmtId="37" fontId="7" fillId="0" borderId="29" xfId="1" applyFont="1" applyFill="1" applyBorder="1" applyAlignment="1" applyProtection="1">
      <alignment horizontal="center"/>
    </xf>
    <xf numFmtId="39" fontId="7" fillId="0" borderId="31" xfId="1" applyNumberFormat="1" applyFont="1" applyFill="1" applyBorder="1" applyAlignment="1" applyProtection="1">
      <alignment horizontal="centerContinuous"/>
    </xf>
    <xf numFmtId="37" fontId="7" fillId="0" borderId="55" xfId="1" applyNumberFormat="1" applyFont="1" applyFill="1" applyBorder="1" applyAlignment="1" applyProtection="1">
      <alignment horizontal="center"/>
    </xf>
    <xf numFmtId="37" fontId="7" fillId="0" borderId="32" xfId="1" applyNumberFormat="1" applyFont="1" applyFill="1" applyBorder="1" applyAlignment="1" applyProtection="1">
      <alignment horizontal="centerContinuous"/>
    </xf>
    <xf numFmtId="37" fontId="7" fillId="0" borderId="33" xfId="1" applyFont="1" applyFill="1" applyBorder="1" applyAlignment="1"/>
    <xf numFmtId="39" fontId="7" fillId="0" borderId="14" xfId="1" applyNumberFormat="1" applyFont="1" applyFill="1" applyBorder="1" applyAlignment="1" applyProtection="1">
      <alignment horizontal="left"/>
    </xf>
    <xf numFmtId="39" fontId="7" fillId="0" borderId="0" xfId="1" applyNumberFormat="1" applyFont="1" applyFill="1" applyBorder="1" applyAlignment="1" applyProtection="1"/>
    <xf numFmtId="37" fontId="7" fillId="0" borderId="0" xfId="1" applyFont="1" applyFill="1" applyBorder="1" applyAlignment="1"/>
    <xf numFmtId="37" fontId="7" fillId="0" borderId="75" xfId="1" applyNumberFormat="1" applyFont="1" applyFill="1" applyBorder="1" applyAlignment="1" applyProtection="1"/>
    <xf numFmtId="37" fontId="7" fillId="0" borderId="69" xfId="1" applyFont="1" applyFill="1" applyBorder="1" applyAlignment="1"/>
    <xf numFmtId="37" fontId="7" fillId="0" borderId="69" xfId="1" applyNumberFormat="1" applyFont="1" applyFill="1" applyBorder="1" applyAlignment="1" applyProtection="1"/>
    <xf numFmtId="37" fontId="7" fillId="0" borderId="70" xfId="1" applyNumberFormat="1" applyFont="1" applyFill="1" applyBorder="1" applyAlignment="1" applyProtection="1"/>
    <xf numFmtId="37" fontId="7" fillId="0" borderId="71" xfId="1" applyNumberFormat="1" applyFont="1" applyFill="1" applyBorder="1" applyAlignment="1" applyProtection="1"/>
    <xf numFmtId="37" fontId="7" fillId="0" borderId="76" xfId="1" applyNumberFormat="1" applyFont="1" applyFill="1" applyBorder="1" applyAlignment="1" applyProtection="1"/>
    <xf numFmtId="176" fontId="7" fillId="0" borderId="68" xfId="1" applyNumberFormat="1" applyFont="1" applyFill="1" applyBorder="1" applyAlignment="1" applyProtection="1"/>
    <xf numFmtId="2" fontId="7" fillId="0" borderId="0" xfId="1" applyNumberFormat="1" applyFont="1" applyProtection="1"/>
    <xf numFmtId="37" fontId="7" fillId="0" borderId="0" xfId="1" applyFont="1" applyAlignment="1">
      <alignment horizontal="centerContinuous"/>
    </xf>
    <xf numFmtId="37" fontId="7" fillId="0" borderId="0" xfId="1" applyNumberFormat="1" applyFont="1" applyAlignment="1" applyProtection="1">
      <alignment horizontal="centerContinuous"/>
    </xf>
    <xf numFmtId="37" fontId="7" fillId="0" borderId="43" xfId="1" applyFont="1" applyBorder="1" applyAlignment="1" applyProtection="1">
      <alignment horizontal="center"/>
    </xf>
    <xf numFmtId="37" fontId="7" fillId="0" borderId="39" xfId="1" applyNumberFormat="1" applyFont="1" applyBorder="1" applyAlignment="1" applyProtection="1">
      <alignment horizontal="center"/>
    </xf>
    <xf numFmtId="37" fontId="7" fillId="0" borderId="42" xfId="1" applyFont="1" applyBorder="1" applyAlignment="1">
      <alignment shrinkToFit="1"/>
    </xf>
    <xf numFmtId="37" fontId="7" fillId="0" borderId="39" xfId="1" applyFont="1" applyBorder="1"/>
    <xf numFmtId="37" fontId="7" fillId="0" borderId="44" xfId="1" applyFont="1" applyBorder="1"/>
    <xf numFmtId="37" fontId="7" fillId="0" borderId="39" xfId="1" applyFont="1" applyBorder="1" applyAlignment="1" applyProtection="1">
      <alignment horizontal="center"/>
    </xf>
    <xf numFmtId="1" fontId="7" fillId="0" borderId="39" xfId="1" applyNumberFormat="1" applyFont="1" applyBorder="1" applyAlignment="1" applyProtection="1">
      <alignment horizontal="centerContinuous"/>
    </xf>
    <xf numFmtId="37" fontId="7" fillId="0" borderId="45" xfId="1" applyFont="1" applyBorder="1" applyAlignment="1" applyProtection="1">
      <alignment horizontal="center"/>
    </xf>
    <xf numFmtId="37" fontId="7" fillId="0" borderId="63" xfId="1" applyFont="1" applyBorder="1" applyAlignment="1" applyProtection="1">
      <alignment horizontal="right"/>
    </xf>
    <xf numFmtId="37" fontId="7" fillId="0" borderId="64" xfId="1" applyFont="1" applyBorder="1" applyAlignment="1" applyProtection="1">
      <alignment horizontal="right"/>
    </xf>
    <xf numFmtId="37" fontId="7" fillId="0" borderId="49" xfId="1" applyNumberFormat="1" applyFont="1" applyBorder="1" applyProtection="1"/>
    <xf numFmtId="37" fontId="7" fillId="0" borderId="62" xfId="1" applyNumberFormat="1" applyFont="1" applyBorder="1" applyProtection="1"/>
    <xf numFmtId="37" fontId="7" fillId="0" borderId="44" xfId="1" applyNumberFormat="1" applyFont="1" applyBorder="1" applyProtection="1"/>
    <xf numFmtId="39" fontId="7" fillId="0" borderId="46" xfId="1" applyNumberFormat="1" applyFont="1" applyBorder="1" applyProtection="1"/>
    <xf numFmtId="37" fontId="7" fillId="0" borderId="39" xfId="1" applyNumberFormat="1" applyFont="1" applyBorder="1" applyProtection="1"/>
    <xf numFmtId="39" fontId="7" fillId="0" borderId="47" xfId="1" applyNumberFormat="1" applyFont="1" applyBorder="1" applyProtection="1"/>
    <xf numFmtId="39" fontId="7" fillId="0" borderId="48" xfId="1" applyNumberFormat="1" applyFont="1" applyBorder="1" applyProtection="1"/>
    <xf numFmtId="37" fontId="7" fillId="0" borderId="41" xfId="1" applyNumberFormat="1" applyFont="1" applyBorder="1" applyProtection="1"/>
    <xf numFmtId="37" fontId="7" fillId="0" borderId="45" xfId="1" applyNumberFormat="1" applyFont="1" applyBorder="1" applyProtection="1"/>
    <xf numFmtId="37" fontId="7" fillId="0" borderId="17" xfId="1" applyNumberFormat="1" applyFont="1" applyBorder="1" applyAlignment="1" applyProtection="1">
      <alignment shrinkToFit="1"/>
    </xf>
    <xf numFmtId="37" fontId="7" fillId="0" borderId="25" xfId="1" applyNumberFormat="1" applyFont="1" applyBorder="1" applyAlignment="1" applyProtection="1">
      <alignment horizontal="centerContinuous" shrinkToFit="1"/>
    </xf>
    <xf numFmtId="37" fontId="7" fillId="0" borderId="44" xfId="1" applyNumberFormat="1" applyFont="1" applyBorder="1" applyAlignment="1" applyProtection="1">
      <alignment horizontal="centerContinuous" shrinkToFit="1"/>
    </xf>
    <xf numFmtId="37" fontId="7" fillId="0" borderId="41" xfId="1" applyFont="1" applyBorder="1" applyAlignment="1" applyProtection="1">
      <alignment horizontal="center"/>
    </xf>
    <xf numFmtId="37" fontId="7" fillId="0" borderId="44" xfId="1" applyFont="1" applyBorder="1" applyAlignment="1" applyProtection="1">
      <alignment horizontal="center"/>
    </xf>
    <xf numFmtId="1" fontId="7" fillId="0" borderId="39" xfId="1" applyNumberFormat="1" applyFont="1" applyBorder="1" applyAlignment="1" applyProtection="1">
      <alignment horizontal="center"/>
    </xf>
    <xf numFmtId="37" fontId="7" fillId="0" borderId="29" xfId="1" applyFont="1" applyBorder="1" applyAlignment="1" applyProtection="1">
      <alignment horizontal="center"/>
    </xf>
    <xf numFmtId="0" fontId="7" fillId="0" borderId="31" xfId="1" applyNumberFormat="1" applyFont="1" applyBorder="1" applyAlignment="1" applyProtection="1">
      <alignment horizontal="center"/>
    </xf>
    <xf numFmtId="37" fontId="7" fillId="0" borderId="55" xfId="1" applyNumberFormat="1" applyFont="1" applyBorder="1" applyAlignment="1" applyProtection="1">
      <alignment horizontal="centerContinuous" shrinkToFit="1"/>
    </xf>
    <xf numFmtId="37" fontId="7" fillId="0" borderId="57" xfId="1" applyNumberFormat="1" applyFont="1" applyBorder="1" applyAlignment="1" applyProtection="1">
      <alignment horizontal="centerContinuous" shrinkToFit="1"/>
    </xf>
    <xf numFmtId="37" fontId="7" fillId="0" borderId="54" xfId="1" quotePrefix="1" applyFont="1" applyBorder="1" applyAlignment="1" applyProtection="1">
      <alignment horizontal="center"/>
    </xf>
    <xf numFmtId="37" fontId="7" fillId="0" borderId="68" xfId="1" quotePrefix="1" applyFont="1" applyBorder="1" applyAlignment="1" applyProtection="1">
      <alignment horizontal="center"/>
    </xf>
    <xf numFmtId="39" fontId="7" fillId="0" borderId="28" xfId="1" applyNumberFormat="1" applyFont="1" applyBorder="1" applyProtection="1"/>
    <xf numFmtId="37" fontId="7" fillId="0" borderId="34" xfId="1" applyFont="1" applyBorder="1"/>
    <xf numFmtId="39" fontId="7" fillId="0" borderId="34" xfId="1" applyNumberFormat="1" applyFont="1" applyBorder="1" applyAlignment="1" applyProtection="1">
      <alignment horizontal="left"/>
    </xf>
    <xf numFmtId="2" fontId="7" fillId="0" borderId="54" xfId="1" quotePrefix="1" applyNumberFormat="1" applyFont="1" applyBorder="1" applyAlignment="1" applyProtection="1">
      <alignment horizontal="center"/>
    </xf>
    <xf numFmtId="2" fontId="7" fillId="0" borderId="68" xfId="1" quotePrefix="1" applyNumberFormat="1" applyFont="1" applyBorder="1" applyAlignment="1" applyProtection="1">
      <alignment horizontal="center"/>
    </xf>
    <xf numFmtId="2" fontId="7" fillId="0" borderId="79" xfId="1" quotePrefix="1" applyNumberFormat="1" applyFont="1" applyBorder="1" applyAlignment="1" applyProtection="1">
      <alignment horizontal="center"/>
    </xf>
    <xf numFmtId="2" fontId="7" fillId="0" borderId="35" xfId="1" quotePrefix="1" applyNumberFormat="1" applyFont="1" applyBorder="1" applyAlignment="1" applyProtection="1">
      <alignment horizontal="center"/>
    </xf>
    <xf numFmtId="2" fontId="7" fillId="0" borderId="55" xfId="1" quotePrefix="1" applyNumberFormat="1" applyFont="1" applyBorder="1" applyAlignment="1" applyProtection="1">
      <alignment horizontal="center"/>
    </xf>
    <xf numFmtId="2" fontId="7" fillId="0" borderId="36" xfId="1" quotePrefix="1" applyNumberFormat="1" applyFont="1" applyBorder="1" applyAlignment="1" applyProtection="1">
      <alignment horizontal="center"/>
    </xf>
    <xf numFmtId="2" fontId="7" fillId="0" borderId="37" xfId="1" quotePrefix="1" applyNumberFormat="1" applyFont="1" applyBorder="1" applyAlignment="1" applyProtection="1">
      <alignment horizontal="center"/>
    </xf>
    <xf numFmtId="37" fontId="7" fillId="0" borderId="28" xfId="1" applyNumberFormat="1" applyFont="1" applyBorder="1" applyProtection="1"/>
    <xf numFmtId="38" fontId="7" fillId="0" borderId="54" xfId="1" quotePrefix="1" applyNumberFormat="1" applyFont="1" applyBorder="1" applyAlignment="1" applyProtection="1">
      <alignment horizontal="center"/>
    </xf>
    <xf numFmtId="37" fontId="7" fillId="0" borderId="33" xfId="1" applyNumberFormat="1" applyFont="1" applyBorder="1" applyProtection="1"/>
    <xf numFmtId="37" fontId="7" fillId="0" borderId="82" xfId="1" applyFont="1" applyBorder="1" applyAlignment="1" applyProtection="1">
      <alignment horizontal="center"/>
    </xf>
    <xf numFmtId="37" fontId="7" fillId="0" borderId="83" xfId="1" applyNumberFormat="1" applyFont="1" applyBorder="1" applyAlignment="1" applyProtection="1">
      <alignment horizontal="center"/>
    </xf>
    <xf numFmtId="37" fontId="7" fillId="0" borderId="84" xfId="1" applyNumberFormat="1" applyFont="1" applyBorder="1" applyAlignment="1" applyProtection="1">
      <alignment shrinkToFit="1"/>
    </xf>
    <xf numFmtId="37" fontId="7" fillId="0" borderId="83" xfId="1" applyNumberFormat="1" applyFont="1" applyBorder="1" applyAlignment="1" applyProtection="1">
      <alignment horizontal="centerContinuous"/>
    </xf>
    <xf numFmtId="37" fontId="7" fillId="0" borderId="1" xfId="1" applyNumberFormat="1" applyFont="1" applyBorder="1" applyAlignment="1" applyProtection="1">
      <alignment horizontal="centerContinuous"/>
    </xf>
    <xf numFmtId="37" fontId="7" fillId="0" borderId="83" xfId="1" applyFont="1" applyBorder="1" applyAlignment="1" applyProtection="1">
      <alignment horizontal="center"/>
    </xf>
    <xf numFmtId="1" fontId="7" fillId="0" borderId="83" xfId="1" applyNumberFormat="1" applyFont="1" applyBorder="1" applyAlignment="1" applyProtection="1">
      <alignment horizontal="center"/>
    </xf>
    <xf numFmtId="37" fontId="7" fillId="0" borderId="85" xfId="1" applyFont="1" applyBorder="1" applyAlignment="1" applyProtection="1">
      <alignment horizontal="center"/>
    </xf>
    <xf numFmtId="37" fontId="7" fillId="0" borderId="86" xfId="1" applyFont="1" applyBorder="1" applyAlignment="1" applyProtection="1">
      <alignment horizontal="center"/>
    </xf>
    <xf numFmtId="37" fontId="7" fillId="0" borderId="1" xfId="1" applyFont="1" applyBorder="1" applyAlignment="1" applyProtection="1">
      <alignment horizontal="center"/>
    </xf>
    <xf numFmtId="37" fontId="7" fillId="0" borderId="83" xfId="1" applyNumberFormat="1" applyFont="1" applyBorder="1" applyProtection="1"/>
    <xf numFmtId="37" fontId="7" fillId="0" borderId="85" xfId="1" applyNumberFormat="1" applyFont="1" applyBorder="1" applyProtection="1"/>
    <xf numFmtId="37" fontId="7" fillId="0" borderId="1" xfId="1" applyNumberFormat="1" applyFont="1" applyBorder="1" applyProtection="1"/>
    <xf numFmtId="39" fontId="7" fillId="0" borderId="87" xfId="1" applyNumberFormat="1" applyFont="1" applyBorder="1" applyProtection="1"/>
    <xf numFmtId="39" fontId="7" fillId="0" borderId="88" xfId="1" applyNumberFormat="1" applyFont="1" applyBorder="1" applyProtection="1"/>
    <xf numFmtId="39" fontId="7" fillId="0" borderId="89" xfId="1" applyNumberFormat="1" applyFont="1" applyBorder="1" applyProtection="1"/>
    <xf numFmtId="37" fontId="7" fillId="0" borderId="86" xfId="1" applyNumberFormat="1" applyFont="1" applyBorder="1" applyProtection="1"/>
    <xf numFmtId="3" fontId="7" fillId="0" borderId="49" xfId="1" applyNumberFormat="1" applyFont="1" applyFill="1" applyBorder="1" applyAlignment="1" applyProtection="1"/>
    <xf numFmtId="3" fontId="7" fillId="0" borderId="39" xfId="1" applyNumberFormat="1" applyFont="1" applyFill="1" applyBorder="1" applyAlignment="1" applyProtection="1"/>
    <xf numFmtId="3" fontId="7" fillId="0" borderId="54" xfId="1" applyNumberFormat="1" applyFont="1" applyFill="1" applyBorder="1" applyAlignment="1" applyProtection="1"/>
    <xf numFmtId="3" fontId="7" fillId="0" borderId="31" xfId="1" applyNumberFormat="1" applyFont="1" applyFill="1" applyBorder="1" applyAlignment="1" applyProtection="1"/>
    <xf numFmtId="37" fontId="7" fillId="0" borderId="28" xfId="1" applyFont="1" applyBorder="1" applyAlignment="1" applyProtection="1">
      <alignment horizontal="distributed" justifyLastLine="1"/>
    </xf>
    <xf numFmtId="0" fontId="9" fillId="0" borderId="29" xfId="0" applyFont="1" applyBorder="1" applyAlignment="1">
      <alignment horizontal="distributed" justifyLastLine="1"/>
    </xf>
    <xf numFmtId="37" fontId="7" fillId="0" borderId="80" xfId="1" applyFont="1" applyBorder="1" applyAlignment="1" applyProtection="1">
      <alignment horizontal="distributed" justifyLastLine="1"/>
    </xf>
    <xf numFmtId="0" fontId="9" fillId="0" borderId="81" xfId="0" applyFont="1" applyBorder="1" applyAlignment="1">
      <alignment horizontal="distributed" justifyLastLine="1"/>
    </xf>
    <xf numFmtId="37" fontId="7" fillId="0" borderId="90" xfId="1" applyFont="1" applyBorder="1"/>
    <xf numFmtId="37" fontId="7" fillId="0" borderId="61" xfId="1" applyFont="1" applyBorder="1" applyAlignment="1" applyProtection="1">
      <alignment horizontal="distributed" justifyLastLine="1"/>
    </xf>
    <xf numFmtId="0" fontId="9" fillId="0" borderId="77" xfId="0" applyFont="1" applyBorder="1" applyAlignment="1">
      <alignment horizontal="distributed" justifyLastLine="1"/>
    </xf>
    <xf numFmtId="37" fontId="7" fillId="0" borderId="78" xfId="1" applyFont="1" applyBorder="1" applyAlignment="1" applyProtection="1">
      <alignment horizontal="distributed" justifyLastLine="1"/>
    </xf>
    <xf numFmtId="0" fontId="9" fillId="0" borderId="24" xfId="0" applyFont="1" applyBorder="1" applyAlignment="1">
      <alignment horizontal="distributed" justifyLastLine="1"/>
    </xf>
    <xf numFmtId="37" fontId="7" fillId="0" borderId="7" xfId="1" applyFont="1" applyBorder="1" applyAlignment="1" applyProtection="1">
      <alignment horizontal="center"/>
    </xf>
    <xf numFmtId="0" fontId="8" fillId="0" borderId="7" xfId="0" applyFont="1" applyBorder="1" applyAlignment="1">
      <alignment horizontal="center"/>
    </xf>
    <xf numFmtId="0" fontId="8" fillId="0" borderId="7" xfId="0" applyFont="1" applyBorder="1" applyAlignment="1"/>
    <xf numFmtId="0" fontId="8" fillId="0" borderId="10" xfId="0" applyFont="1" applyBorder="1" applyAlignment="1"/>
    <xf numFmtId="37" fontId="7" fillId="0" borderId="11" xfId="1" applyFont="1" applyBorder="1" applyAlignment="1" applyProtection="1">
      <alignment horizontal="distributed" vertical="center" justifyLastLine="1"/>
    </xf>
    <xf numFmtId="37" fontId="7" fillId="0" borderId="27" xfId="1" applyFont="1" applyBorder="1" applyAlignment="1" applyProtection="1">
      <alignment horizontal="distributed" vertical="center" justifyLastLine="1"/>
    </xf>
    <xf numFmtId="37" fontId="7" fillId="0" borderId="6" xfId="1" applyFont="1" applyBorder="1" applyAlignment="1" applyProtection="1">
      <alignment horizontal="distributed" vertical="center" justifyLastLine="1"/>
    </xf>
    <xf numFmtId="37" fontId="7" fillId="0" borderId="17" xfId="1" applyFont="1" applyBorder="1" applyAlignment="1" applyProtection="1">
      <alignment horizontal="distributed" vertical="center" justifyLastLine="1"/>
    </xf>
    <xf numFmtId="37" fontId="7" fillId="0" borderId="6" xfId="1" applyFont="1" applyBorder="1" applyAlignment="1" applyProtection="1">
      <alignment horizontal="center" vertical="center"/>
    </xf>
    <xf numFmtId="37" fontId="7" fillId="0" borderId="17" xfId="1" applyFont="1" applyBorder="1" applyAlignment="1" applyProtection="1">
      <alignment horizontal="center" vertical="center"/>
    </xf>
    <xf numFmtId="37" fontId="7" fillId="0" borderId="16" xfId="1" applyFont="1" applyBorder="1" applyAlignment="1" applyProtection="1">
      <alignment horizontal="center" vertical="center"/>
    </xf>
    <xf numFmtId="37" fontId="7" fillId="0" borderId="30" xfId="1" applyFont="1" applyBorder="1" applyAlignment="1" applyProtection="1">
      <alignment horizontal="center" vertical="center"/>
    </xf>
    <xf numFmtId="37" fontId="7" fillId="0" borderId="18" xfId="1" applyFont="1" applyBorder="1" applyAlignment="1" applyProtection="1">
      <alignment horizontal="distributed" vertical="center" justifyLastLine="1"/>
    </xf>
    <xf numFmtId="0" fontId="9" fillId="0" borderId="31" xfId="0" applyFont="1" applyBorder="1" applyAlignment="1">
      <alignment horizontal="distributed" vertical="center" justifyLastLine="1"/>
    </xf>
    <xf numFmtId="37" fontId="7" fillId="0" borderId="19" xfId="1" applyFont="1" applyBorder="1" applyAlignment="1" applyProtection="1">
      <alignment horizontal="distributed" vertical="center" justifyLastLine="1"/>
    </xf>
    <xf numFmtId="0" fontId="9" fillId="0" borderId="32" xfId="0" applyFont="1" applyBorder="1" applyAlignment="1">
      <alignment horizontal="distributed" vertical="center" justifyLastLine="1"/>
    </xf>
    <xf numFmtId="37" fontId="7" fillId="0" borderId="0" xfId="1" applyFont="1" applyBorder="1" applyAlignment="1"/>
    <xf numFmtId="37" fontId="7" fillId="0" borderId="1" xfId="1" applyFont="1" applyBorder="1" applyAlignment="1"/>
    <xf numFmtId="37" fontId="7" fillId="0" borderId="2" xfId="1" applyFont="1" applyBorder="1" applyAlignment="1" applyProtection="1">
      <alignment horizontal="distributed" vertical="center" justifyLastLine="1"/>
    </xf>
    <xf numFmtId="0" fontId="8" fillId="0" borderId="3" xfId="0" applyFont="1" applyBorder="1" applyAlignment="1">
      <alignment horizontal="distributed" vertical="center" justifyLastLine="1"/>
    </xf>
    <xf numFmtId="0" fontId="8" fillId="0" borderId="14" xfId="0" applyFont="1" applyBorder="1" applyAlignment="1">
      <alignment horizontal="distributed" vertical="center" justifyLastLine="1"/>
    </xf>
    <xf numFmtId="0" fontId="8" fillId="0" borderId="15" xfId="0" applyFont="1" applyBorder="1" applyAlignment="1">
      <alignment horizontal="distributed" vertical="center" justifyLastLine="1"/>
    </xf>
    <xf numFmtId="0" fontId="8" fillId="0" borderId="28" xfId="0" applyFont="1" applyBorder="1" applyAlignment="1">
      <alignment horizontal="distributed" vertical="center" justifyLastLine="1"/>
    </xf>
    <xf numFmtId="0" fontId="8" fillId="0" borderId="29" xfId="0" applyFont="1" applyBorder="1" applyAlignment="1">
      <alignment horizontal="distributed" vertical="center" justifyLastLine="1"/>
    </xf>
    <xf numFmtId="37" fontId="7" fillId="0" borderId="4" xfId="1" applyFont="1" applyBorder="1" applyAlignment="1" applyProtection="1">
      <alignment horizontal="distributed" justifyLastLine="1"/>
    </xf>
    <xf numFmtId="37" fontId="7" fillId="0" borderId="5" xfId="1" applyFont="1" applyBorder="1" applyAlignment="1" applyProtection="1">
      <alignment horizontal="distributed" justifyLastLine="1"/>
    </xf>
    <xf numFmtId="37" fontId="7" fillId="0" borderId="6" xfId="1" applyFont="1" applyBorder="1" applyAlignment="1" applyProtection="1">
      <alignment horizontal="center" vertical="center" wrapText="1"/>
    </xf>
    <xf numFmtId="37" fontId="7" fillId="0" borderId="17" xfId="1" applyFont="1" applyBorder="1" applyAlignment="1" applyProtection="1">
      <alignment horizontal="center" vertical="center" wrapText="1"/>
    </xf>
    <xf numFmtId="37" fontId="7" fillId="0" borderId="30" xfId="1" applyFont="1" applyBorder="1" applyAlignment="1" applyProtection="1">
      <alignment horizontal="center" vertical="center" wrapText="1"/>
    </xf>
    <xf numFmtId="37" fontId="7" fillId="0" borderId="4" xfId="1" applyFont="1" applyBorder="1" applyAlignment="1" applyProtection="1">
      <alignment horizontal="distributed" wrapText="1" justifyLastLine="1"/>
    </xf>
    <xf numFmtId="0" fontId="9" fillId="0" borderId="5" xfId="0" applyFont="1" applyBorder="1" applyAlignment="1">
      <alignment horizontal="distributed" wrapText="1" justifyLastLine="1"/>
    </xf>
    <xf numFmtId="37" fontId="7" fillId="0" borderId="4" xfId="1" applyFont="1" applyBorder="1" applyAlignment="1">
      <alignment horizontal="center"/>
    </xf>
    <xf numFmtId="0" fontId="8" fillId="0" borderId="5" xfId="0" applyFont="1" applyBorder="1" applyAlignment="1">
      <alignment horizontal="center"/>
    </xf>
    <xf numFmtId="37" fontId="7" fillId="0" borderId="9" xfId="1" applyFont="1" applyBorder="1" applyAlignment="1">
      <alignment horizontal="center"/>
    </xf>
    <xf numFmtId="37" fontId="7" fillId="0" borderId="7" xfId="1" applyFont="1" applyBorder="1" applyAlignment="1">
      <alignment horizontal="center"/>
    </xf>
    <xf numFmtId="37" fontId="7" fillId="0" borderId="5" xfId="1" applyFont="1" applyBorder="1" applyAlignment="1">
      <alignment horizontal="center"/>
    </xf>
    <xf numFmtId="37" fontId="7" fillId="0" borderId="10" xfId="1" applyFont="1" applyBorder="1" applyAlignment="1" applyProtection="1">
      <alignment horizontal="distributed" justifyLastLine="1"/>
    </xf>
    <xf numFmtId="37" fontId="7" fillId="0" borderId="25" xfId="1" applyFont="1" applyBorder="1" applyAlignment="1" applyProtection="1">
      <alignment horizontal="distributed" justifyLastLine="1"/>
    </xf>
    <xf numFmtId="37" fontId="7" fillId="0" borderId="24" xfId="1" applyFont="1" applyBorder="1" applyAlignment="1" applyProtection="1">
      <alignment horizontal="distributed" justifyLastLine="1"/>
    </xf>
    <xf numFmtId="37" fontId="7" fillId="0" borderId="23" xfId="1" applyFont="1" applyBorder="1" applyAlignment="1" applyProtection="1">
      <alignment horizontal="distributed" justifyLastLine="1"/>
    </xf>
    <xf numFmtId="37" fontId="7" fillId="0" borderId="26" xfId="1" applyFont="1" applyBorder="1" applyAlignment="1" applyProtection="1">
      <alignment horizontal="distributed" justifyLastLine="1"/>
    </xf>
  </cellXfs>
  <cellStyles count="2">
    <cellStyle name="標準" xfId="0" builtinId="0"/>
    <cellStyle name="標準_単独集計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6" transitionEvaluation="1"/>
  <dimension ref="A1:AI50"/>
  <sheetViews>
    <sheetView tabSelected="1" view="pageBreakPreview" topLeftCell="A16" zoomScaleNormal="100" zoomScaleSheetLayoutView="100" workbookViewId="0">
      <selection activeCell="M32" sqref="M32"/>
    </sheetView>
  </sheetViews>
  <sheetFormatPr defaultColWidth="11.875" defaultRowHeight="11.25" x14ac:dyDescent="0.15"/>
  <cols>
    <col min="1" max="1" width="3.625" style="3" customWidth="1"/>
    <col min="2" max="2" width="10" style="3" customWidth="1"/>
    <col min="3" max="4" width="4.625" style="3" customWidth="1"/>
    <col min="5" max="5" width="6.125" style="3" customWidth="1"/>
    <col min="6" max="6" width="4.625" style="3" customWidth="1"/>
    <col min="7" max="7" width="15.5" style="3" bestFit="1" customWidth="1"/>
    <col min="8" max="13" width="9.625" style="3" customWidth="1"/>
    <col min="14" max="14" width="9.75" style="3" customWidth="1"/>
    <col min="15" max="15" width="9.625" style="3" customWidth="1"/>
    <col min="16" max="16" width="7.625" style="3" customWidth="1"/>
    <col min="17" max="18" width="10.625" style="3" customWidth="1"/>
    <col min="19" max="19" width="3.625" style="3" customWidth="1"/>
    <col min="20" max="20" width="10" style="3" customWidth="1"/>
    <col min="21" max="21" width="11.625" style="3" customWidth="1"/>
    <col min="22" max="22" width="6.125" style="3" customWidth="1"/>
    <col min="23" max="23" width="11.625" style="3" customWidth="1"/>
    <col min="24" max="24" width="6.125" style="3" customWidth="1"/>
    <col min="25" max="25" width="12.75" style="3" customWidth="1"/>
    <col min="26" max="26" width="6.125" style="3" customWidth="1"/>
    <col min="27" max="27" width="11.625" style="3" customWidth="1"/>
    <col min="28" max="28" width="6.125" style="3" customWidth="1"/>
    <col min="29" max="29" width="10.625" style="3" customWidth="1"/>
    <col min="30" max="32" width="8.625" style="3" customWidth="1"/>
    <col min="33" max="34" width="9.125" style="3" customWidth="1"/>
    <col min="35" max="35" width="11.875" style="3" customWidth="1"/>
    <col min="36" max="16384" width="11.875" style="3"/>
  </cols>
  <sheetData>
    <row r="1" spans="1:35" ht="13.5" x14ac:dyDescent="0.15">
      <c r="A1" s="1" t="s">
        <v>0</v>
      </c>
      <c r="B1" s="2"/>
      <c r="D1" s="4"/>
      <c r="E1" s="4"/>
      <c r="F1" s="5"/>
      <c r="G1" s="1"/>
      <c r="H1" s="4"/>
      <c r="I1" s="2"/>
      <c r="J1" s="6"/>
      <c r="K1" s="6"/>
      <c r="L1" s="2"/>
      <c r="M1" s="2"/>
      <c r="N1" s="2"/>
      <c r="O1" s="2"/>
      <c r="P1" s="2"/>
      <c r="Q1" s="2"/>
      <c r="R1" s="6"/>
      <c r="S1" s="7" t="s">
        <v>1</v>
      </c>
      <c r="T1" s="6"/>
      <c r="V1" s="2"/>
      <c r="W1" s="6"/>
      <c r="X1" s="6"/>
      <c r="Y1" s="6"/>
      <c r="AF1" s="6"/>
      <c r="AG1" s="6"/>
      <c r="AH1" s="6"/>
      <c r="AI1" s="269" t="s">
        <v>2</v>
      </c>
    </row>
    <row r="2" spans="1:35" ht="7.5" customHeight="1" thickBot="1" x14ac:dyDescent="0.2">
      <c r="A2" s="6"/>
      <c r="B2" s="6"/>
      <c r="C2" s="6"/>
      <c r="D2" s="6"/>
      <c r="E2" s="6"/>
      <c r="F2" s="6"/>
      <c r="G2" s="6"/>
      <c r="H2" s="6"/>
      <c r="I2" s="8"/>
      <c r="J2" s="6"/>
      <c r="K2" s="6"/>
      <c r="L2" s="8"/>
      <c r="M2" s="6"/>
      <c r="N2" s="6"/>
      <c r="O2" s="8"/>
      <c r="P2" s="6"/>
      <c r="Q2" s="6"/>
      <c r="R2" s="8"/>
      <c r="S2" s="8"/>
      <c r="T2" s="8"/>
      <c r="U2" s="9"/>
      <c r="V2" s="9"/>
      <c r="W2" s="9"/>
      <c r="X2" s="9"/>
      <c r="Y2" s="9"/>
      <c r="Z2" s="9"/>
      <c r="AA2" s="6"/>
      <c r="AB2" s="6"/>
      <c r="AC2" s="6"/>
      <c r="AD2" s="6"/>
      <c r="AE2" s="6"/>
      <c r="AF2" s="6"/>
      <c r="AG2" s="6"/>
      <c r="AH2" s="6"/>
      <c r="AI2" s="270"/>
    </row>
    <row r="3" spans="1:35" s="14" customFormat="1" ht="13.5" customHeight="1" x14ac:dyDescent="0.15">
      <c r="A3" s="271" t="s">
        <v>3</v>
      </c>
      <c r="B3" s="272"/>
      <c r="C3" s="277" t="s">
        <v>4</v>
      </c>
      <c r="D3" s="278"/>
      <c r="E3" s="279" t="s">
        <v>5</v>
      </c>
      <c r="F3" s="282" t="s">
        <v>6</v>
      </c>
      <c r="G3" s="283"/>
      <c r="H3" s="284" t="s">
        <v>7</v>
      </c>
      <c r="I3" s="254"/>
      <c r="J3" s="285"/>
      <c r="K3" s="10" t="s">
        <v>8</v>
      </c>
      <c r="L3" s="286" t="s">
        <v>9</v>
      </c>
      <c r="M3" s="287"/>
      <c r="N3" s="287"/>
      <c r="O3" s="288"/>
      <c r="P3" s="11" t="s">
        <v>10</v>
      </c>
      <c r="Q3" s="277" t="s">
        <v>11</v>
      </c>
      <c r="R3" s="289"/>
      <c r="S3" s="271" t="s">
        <v>3</v>
      </c>
      <c r="T3" s="272"/>
      <c r="U3" s="253" t="s">
        <v>12</v>
      </c>
      <c r="V3" s="254"/>
      <c r="W3" s="254"/>
      <c r="X3" s="254"/>
      <c r="Y3" s="254"/>
      <c r="Z3" s="254"/>
      <c r="AA3" s="255"/>
      <c r="AB3" s="256"/>
      <c r="AC3" s="257" t="s">
        <v>13</v>
      </c>
      <c r="AD3" s="259" t="s">
        <v>14</v>
      </c>
      <c r="AE3" s="12" t="s">
        <v>15</v>
      </c>
      <c r="AF3" s="12" t="s">
        <v>16</v>
      </c>
      <c r="AG3" s="12" t="s">
        <v>17</v>
      </c>
      <c r="AH3" s="261" t="s">
        <v>18</v>
      </c>
      <c r="AI3" s="13" t="s">
        <v>19</v>
      </c>
    </row>
    <row r="4" spans="1:35" ht="12" customHeight="1" x14ac:dyDescent="0.15">
      <c r="A4" s="273"/>
      <c r="B4" s="274"/>
      <c r="C4" s="263" t="s">
        <v>20</v>
      </c>
      <c r="D4" s="263" t="s">
        <v>21</v>
      </c>
      <c r="E4" s="280"/>
      <c r="F4" s="265" t="s">
        <v>22</v>
      </c>
      <c r="G4" s="267" t="s">
        <v>23</v>
      </c>
      <c r="H4" s="15" t="s">
        <v>24</v>
      </c>
      <c r="I4" s="15" t="s">
        <v>25</v>
      </c>
      <c r="J4" s="263" t="s">
        <v>26</v>
      </c>
      <c r="K4" s="16" t="s">
        <v>27</v>
      </c>
      <c r="L4" s="17" t="s">
        <v>28</v>
      </c>
      <c r="M4" s="18" t="s">
        <v>29</v>
      </c>
      <c r="N4" s="18" t="s">
        <v>30</v>
      </c>
      <c r="O4" s="18" t="s">
        <v>31</v>
      </c>
      <c r="P4" s="19" t="s">
        <v>32</v>
      </c>
      <c r="Q4" s="20" t="s">
        <v>33</v>
      </c>
      <c r="R4" s="21" t="s">
        <v>34</v>
      </c>
      <c r="S4" s="273"/>
      <c r="T4" s="274"/>
      <c r="U4" s="292" t="s">
        <v>35</v>
      </c>
      <c r="V4" s="291"/>
      <c r="W4" s="290" t="s">
        <v>36</v>
      </c>
      <c r="X4" s="291"/>
      <c r="Y4" s="290" t="s">
        <v>37</v>
      </c>
      <c r="Z4" s="292"/>
      <c r="AA4" s="290" t="s">
        <v>38</v>
      </c>
      <c r="AB4" s="293"/>
      <c r="AC4" s="258"/>
      <c r="AD4" s="260"/>
      <c r="AE4" s="18" t="s">
        <v>39</v>
      </c>
      <c r="AF4" s="18" t="s">
        <v>39</v>
      </c>
      <c r="AG4" s="18" t="s">
        <v>40</v>
      </c>
      <c r="AH4" s="262"/>
      <c r="AI4" s="22" t="s">
        <v>41</v>
      </c>
    </row>
    <row r="5" spans="1:35" ht="12" customHeight="1" thickBot="1" x14ac:dyDescent="0.2">
      <c r="A5" s="275"/>
      <c r="B5" s="276"/>
      <c r="C5" s="264"/>
      <c r="D5" s="264"/>
      <c r="E5" s="281"/>
      <c r="F5" s="266"/>
      <c r="G5" s="268"/>
      <c r="H5" s="23" t="s">
        <v>42</v>
      </c>
      <c r="I5" s="23" t="s">
        <v>33</v>
      </c>
      <c r="J5" s="264"/>
      <c r="K5" s="24" t="s">
        <v>43</v>
      </c>
      <c r="L5" s="25" t="s">
        <v>44</v>
      </c>
      <c r="M5" s="26" t="s">
        <v>44</v>
      </c>
      <c r="N5" s="26" t="s">
        <v>45</v>
      </c>
      <c r="O5" s="27" t="s">
        <v>45</v>
      </c>
      <c r="P5" s="27" t="s">
        <v>46</v>
      </c>
      <c r="Q5" s="28" t="s">
        <v>47</v>
      </c>
      <c r="R5" s="29" t="s">
        <v>47</v>
      </c>
      <c r="S5" s="275"/>
      <c r="T5" s="276"/>
      <c r="U5" s="30" t="s">
        <v>48</v>
      </c>
      <c r="V5" s="31" t="s">
        <v>44</v>
      </c>
      <c r="W5" s="23" t="s">
        <v>48</v>
      </c>
      <c r="X5" s="31" t="s">
        <v>44</v>
      </c>
      <c r="Y5" s="23" t="s">
        <v>48</v>
      </c>
      <c r="Z5" s="32" t="s">
        <v>44</v>
      </c>
      <c r="AA5" s="23" t="s">
        <v>48</v>
      </c>
      <c r="AB5" s="33" t="s">
        <v>44</v>
      </c>
      <c r="AC5" s="25" t="s">
        <v>49</v>
      </c>
      <c r="AD5" s="26" t="s">
        <v>50</v>
      </c>
      <c r="AE5" s="26" t="s">
        <v>51</v>
      </c>
      <c r="AF5" s="26" t="s">
        <v>52</v>
      </c>
      <c r="AG5" s="26" t="s">
        <v>53</v>
      </c>
      <c r="AH5" s="34" t="s">
        <v>54</v>
      </c>
      <c r="AI5" s="35" t="s">
        <v>55</v>
      </c>
    </row>
    <row r="6" spans="1:35" s="58" customFormat="1" ht="13.5" customHeight="1" thickTop="1" x14ac:dyDescent="0.15">
      <c r="A6" s="36">
        <v>1</v>
      </c>
      <c r="B6" s="37" t="s">
        <v>56</v>
      </c>
      <c r="C6" s="38" t="s">
        <v>57</v>
      </c>
      <c r="D6" s="39"/>
      <c r="E6" s="40" t="s">
        <v>58</v>
      </c>
      <c r="F6" s="41" t="s">
        <v>59</v>
      </c>
      <c r="G6" s="42" t="s">
        <v>60</v>
      </c>
      <c r="H6" s="43" t="s">
        <v>61</v>
      </c>
      <c r="I6" s="44"/>
      <c r="J6" s="43"/>
      <c r="K6" s="46" t="s">
        <v>62</v>
      </c>
      <c r="L6" s="47">
        <v>6.43</v>
      </c>
      <c r="M6" s="48" t="s">
        <v>63</v>
      </c>
      <c r="N6" s="49">
        <v>31740</v>
      </c>
      <c r="O6" s="48" t="s">
        <v>63</v>
      </c>
      <c r="P6" s="50">
        <v>54</v>
      </c>
      <c r="Q6" s="51">
        <v>755226645</v>
      </c>
      <c r="R6" s="52">
        <v>0</v>
      </c>
      <c r="S6" s="36">
        <v>1</v>
      </c>
      <c r="T6" s="37" t="s">
        <v>56</v>
      </c>
      <c r="U6" s="51">
        <v>48698090</v>
      </c>
      <c r="V6" s="53">
        <v>64.740000000000009</v>
      </c>
      <c r="W6" s="51">
        <v>0</v>
      </c>
      <c r="X6" s="53">
        <v>0</v>
      </c>
      <c r="Y6" s="54">
        <v>26523500</v>
      </c>
      <c r="Z6" s="55">
        <v>35.26</v>
      </c>
      <c r="AA6" s="54">
        <v>0</v>
      </c>
      <c r="AB6" s="56">
        <v>0</v>
      </c>
      <c r="AC6" s="57">
        <v>75221590</v>
      </c>
      <c r="AD6" s="54">
        <v>5647895</v>
      </c>
      <c r="AE6" s="54">
        <v>2728</v>
      </c>
      <c r="AF6" s="54">
        <v>982761</v>
      </c>
      <c r="AG6" s="54">
        <v>9999244</v>
      </c>
      <c r="AH6" s="240">
        <v>-1705414</v>
      </c>
      <c r="AI6" s="52">
        <v>56883548</v>
      </c>
    </row>
    <row r="7" spans="1:35" s="58" customFormat="1" ht="13.5" customHeight="1" x14ac:dyDescent="0.15">
      <c r="A7" s="36">
        <v>2</v>
      </c>
      <c r="B7" s="37" t="s">
        <v>64</v>
      </c>
      <c r="C7" s="59" t="s">
        <v>57</v>
      </c>
      <c r="D7" s="60"/>
      <c r="E7" s="61">
        <v>2</v>
      </c>
      <c r="F7" s="62">
        <v>10</v>
      </c>
      <c r="G7" s="63" t="s">
        <v>60</v>
      </c>
      <c r="H7" s="43" t="s">
        <v>61</v>
      </c>
      <c r="I7" s="44"/>
      <c r="J7" s="43"/>
      <c r="K7" s="64" t="s">
        <v>65</v>
      </c>
      <c r="L7" s="65">
        <v>6.56</v>
      </c>
      <c r="M7" s="66" t="s">
        <v>63</v>
      </c>
      <c r="N7" s="67">
        <v>31685</v>
      </c>
      <c r="O7" s="61" t="s">
        <v>63</v>
      </c>
      <c r="P7" s="68">
        <v>54</v>
      </c>
      <c r="Q7" s="51">
        <v>301342305</v>
      </c>
      <c r="R7" s="52">
        <v>0</v>
      </c>
      <c r="S7" s="36">
        <v>2</v>
      </c>
      <c r="T7" s="37" t="s">
        <v>64</v>
      </c>
      <c r="U7" s="51">
        <v>19768055</v>
      </c>
      <c r="V7" s="53">
        <v>66.72999999999999</v>
      </c>
      <c r="W7" s="51">
        <v>0</v>
      </c>
      <c r="X7" s="53">
        <v>0</v>
      </c>
      <c r="Y7" s="54">
        <v>9854130</v>
      </c>
      <c r="Z7" s="55">
        <v>33.270000000000003</v>
      </c>
      <c r="AA7" s="54">
        <v>0</v>
      </c>
      <c r="AB7" s="56">
        <v>0</v>
      </c>
      <c r="AC7" s="57">
        <v>29622185</v>
      </c>
      <c r="AD7" s="54">
        <v>1861663</v>
      </c>
      <c r="AE7" s="54">
        <v>807</v>
      </c>
      <c r="AF7" s="54">
        <v>147448</v>
      </c>
      <c r="AG7" s="54">
        <v>4034375</v>
      </c>
      <c r="AH7" s="241">
        <v>-1488809</v>
      </c>
      <c r="AI7" s="52">
        <v>22089083</v>
      </c>
    </row>
    <row r="8" spans="1:35" s="58" customFormat="1" ht="13.5" customHeight="1" x14ac:dyDescent="0.15">
      <c r="A8" s="36">
        <v>3</v>
      </c>
      <c r="B8" s="37" t="s">
        <v>66</v>
      </c>
      <c r="C8" s="59" t="s">
        <v>57</v>
      </c>
      <c r="D8" s="69"/>
      <c r="E8" s="70" t="s">
        <v>67</v>
      </c>
      <c r="F8" s="62">
        <v>10</v>
      </c>
      <c r="G8" s="63" t="s">
        <v>60</v>
      </c>
      <c r="H8" s="43" t="s">
        <v>57</v>
      </c>
      <c r="I8" s="71"/>
      <c r="J8" s="72"/>
      <c r="K8" s="64" t="s">
        <v>62</v>
      </c>
      <c r="L8" s="65">
        <v>5.96</v>
      </c>
      <c r="M8" s="66" t="s">
        <v>63</v>
      </c>
      <c r="N8" s="67">
        <v>17720</v>
      </c>
      <c r="O8" s="73">
        <v>29960</v>
      </c>
      <c r="P8" s="68">
        <v>54</v>
      </c>
      <c r="Q8" s="51">
        <v>74612970</v>
      </c>
      <c r="R8" s="52">
        <v>0</v>
      </c>
      <c r="S8" s="36">
        <v>3</v>
      </c>
      <c r="T8" s="37" t="s">
        <v>66</v>
      </c>
      <c r="U8" s="51">
        <v>4389277</v>
      </c>
      <c r="V8" s="53">
        <v>52.730000000000004</v>
      </c>
      <c r="W8" s="51">
        <v>0</v>
      </c>
      <c r="X8" s="53">
        <v>0</v>
      </c>
      <c r="Y8" s="54">
        <v>1989903</v>
      </c>
      <c r="Z8" s="55">
        <v>23.91</v>
      </c>
      <c r="AA8" s="54">
        <v>1944115</v>
      </c>
      <c r="AB8" s="56">
        <v>23.36</v>
      </c>
      <c r="AC8" s="57">
        <v>8323295</v>
      </c>
      <c r="AD8" s="54">
        <v>973159</v>
      </c>
      <c r="AE8" s="54">
        <v>39</v>
      </c>
      <c r="AF8" s="54">
        <v>18747</v>
      </c>
      <c r="AG8" s="54">
        <v>326185</v>
      </c>
      <c r="AH8" s="241">
        <v>-166525</v>
      </c>
      <c r="AI8" s="52">
        <v>6838640</v>
      </c>
    </row>
    <row r="9" spans="1:35" s="58" customFormat="1" ht="13.5" customHeight="1" x14ac:dyDescent="0.15">
      <c r="A9" s="36">
        <v>4</v>
      </c>
      <c r="B9" s="37" t="s">
        <v>68</v>
      </c>
      <c r="C9" s="74"/>
      <c r="D9" s="59" t="s">
        <v>57</v>
      </c>
      <c r="E9" s="70">
        <v>3</v>
      </c>
      <c r="F9" s="62" t="s">
        <v>59</v>
      </c>
      <c r="G9" s="63" t="s">
        <v>60</v>
      </c>
      <c r="H9" s="43" t="s">
        <v>57</v>
      </c>
      <c r="I9" s="71"/>
      <c r="J9" s="72"/>
      <c r="K9" s="64" t="s">
        <v>62</v>
      </c>
      <c r="L9" s="65">
        <v>6.39</v>
      </c>
      <c r="M9" s="66" t="s">
        <v>63</v>
      </c>
      <c r="N9" s="67">
        <v>27120</v>
      </c>
      <c r="O9" s="73">
        <v>24240</v>
      </c>
      <c r="P9" s="68">
        <v>54</v>
      </c>
      <c r="Q9" s="51">
        <v>51244245</v>
      </c>
      <c r="R9" s="52">
        <v>0</v>
      </c>
      <c r="S9" s="36">
        <v>4</v>
      </c>
      <c r="T9" s="37" t="s">
        <v>68</v>
      </c>
      <c r="U9" s="51">
        <v>3274467</v>
      </c>
      <c r="V9" s="53">
        <v>52.7</v>
      </c>
      <c r="W9" s="51">
        <v>0</v>
      </c>
      <c r="X9" s="53">
        <v>0</v>
      </c>
      <c r="Y9" s="54">
        <v>1941286</v>
      </c>
      <c r="Z9" s="55">
        <v>31.25</v>
      </c>
      <c r="AA9" s="54">
        <v>997128</v>
      </c>
      <c r="AB9" s="56">
        <v>16.05</v>
      </c>
      <c r="AC9" s="57">
        <v>6212881</v>
      </c>
      <c r="AD9" s="54">
        <v>624223</v>
      </c>
      <c r="AE9" s="54">
        <v>110</v>
      </c>
      <c r="AF9" s="54">
        <v>2793</v>
      </c>
      <c r="AG9" s="54">
        <v>356782</v>
      </c>
      <c r="AH9" s="241">
        <v>-326052</v>
      </c>
      <c r="AI9" s="52">
        <v>4902921</v>
      </c>
    </row>
    <row r="10" spans="1:35" s="58" customFormat="1" ht="13.5" customHeight="1" x14ac:dyDescent="0.15">
      <c r="A10" s="36">
        <v>5</v>
      </c>
      <c r="B10" s="37" t="s">
        <v>69</v>
      </c>
      <c r="C10" s="59" t="s">
        <v>57</v>
      </c>
      <c r="D10" s="69"/>
      <c r="E10" s="70" t="s">
        <v>67</v>
      </c>
      <c r="F10" s="62">
        <v>10</v>
      </c>
      <c r="G10" s="63" t="s">
        <v>60</v>
      </c>
      <c r="H10" s="43" t="s">
        <v>70</v>
      </c>
      <c r="I10" s="71"/>
      <c r="J10" s="72"/>
      <c r="K10" s="64" t="s">
        <v>62</v>
      </c>
      <c r="L10" s="65">
        <v>5.33</v>
      </c>
      <c r="M10" s="66" t="s">
        <v>63</v>
      </c>
      <c r="N10" s="67">
        <v>21360</v>
      </c>
      <c r="O10" s="73">
        <v>12000</v>
      </c>
      <c r="P10" s="68">
        <v>54</v>
      </c>
      <c r="Q10" s="51">
        <v>51200323</v>
      </c>
      <c r="R10" s="52">
        <v>0</v>
      </c>
      <c r="S10" s="36">
        <v>5</v>
      </c>
      <c r="T10" s="37" t="s">
        <v>69</v>
      </c>
      <c r="U10" s="51">
        <v>2728967</v>
      </c>
      <c r="V10" s="53">
        <v>65.930000000000007</v>
      </c>
      <c r="W10" s="51">
        <v>0</v>
      </c>
      <c r="X10" s="53">
        <v>0</v>
      </c>
      <c r="Y10" s="54">
        <v>1049437</v>
      </c>
      <c r="Z10" s="55">
        <v>25.36</v>
      </c>
      <c r="AA10" s="54">
        <v>360549</v>
      </c>
      <c r="AB10" s="56">
        <v>8.7100000000000009</v>
      </c>
      <c r="AC10" s="57">
        <v>4138953</v>
      </c>
      <c r="AD10" s="54">
        <v>295083</v>
      </c>
      <c r="AE10" s="54">
        <v>0</v>
      </c>
      <c r="AF10" s="54">
        <v>14385</v>
      </c>
      <c r="AG10" s="54">
        <v>539100</v>
      </c>
      <c r="AH10" s="241">
        <v>-409662</v>
      </c>
      <c r="AI10" s="52">
        <v>2880723</v>
      </c>
    </row>
    <row r="11" spans="1:35" s="58" customFormat="1" ht="13.5" customHeight="1" x14ac:dyDescent="0.15">
      <c r="A11" s="36">
        <v>6</v>
      </c>
      <c r="B11" s="37" t="s">
        <v>71</v>
      </c>
      <c r="C11" s="59" t="s">
        <v>57</v>
      </c>
      <c r="D11" s="69"/>
      <c r="E11" s="70" t="s">
        <v>67</v>
      </c>
      <c r="F11" s="62" t="s">
        <v>59</v>
      </c>
      <c r="G11" s="63" t="s">
        <v>60</v>
      </c>
      <c r="H11" s="75" t="s">
        <v>61</v>
      </c>
      <c r="I11" s="44"/>
      <c r="J11" s="76"/>
      <c r="K11" s="64" t="s">
        <v>62</v>
      </c>
      <c r="L11" s="65">
        <v>6.27</v>
      </c>
      <c r="M11" s="66" t="s">
        <v>63</v>
      </c>
      <c r="N11" s="67">
        <v>27720</v>
      </c>
      <c r="O11" s="73">
        <v>23520</v>
      </c>
      <c r="P11" s="68">
        <v>54</v>
      </c>
      <c r="Q11" s="51">
        <v>93278989</v>
      </c>
      <c r="R11" s="52">
        <v>0</v>
      </c>
      <c r="S11" s="36">
        <v>6</v>
      </c>
      <c r="T11" s="37" t="s">
        <v>71</v>
      </c>
      <c r="U11" s="51">
        <v>5848573</v>
      </c>
      <c r="V11" s="53">
        <v>58.64</v>
      </c>
      <c r="W11" s="51">
        <v>0</v>
      </c>
      <c r="X11" s="53">
        <v>0</v>
      </c>
      <c r="Y11" s="54">
        <v>2756311</v>
      </c>
      <c r="Z11" s="55">
        <v>27.63</v>
      </c>
      <c r="AA11" s="54">
        <v>1369752</v>
      </c>
      <c r="AB11" s="56">
        <v>13.73</v>
      </c>
      <c r="AC11" s="57">
        <v>9974636</v>
      </c>
      <c r="AD11" s="54">
        <v>896955</v>
      </c>
      <c r="AE11" s="54">
        <v>95</v>
      </c>
      <c r="AF11" s="54">
        <v>38691</v>
      </c>
      <c r="AG11" s="54">
        <v>1323708</v>
      </c>
      <c r="AH11" s="241">
        <v>-191858</v>
      </c>
      <c r="AI11" s="52">
        <v>7523329</v>
      </c>
    </row>
    <row r="12" spans="1:35" s="58" customFormat="1" ht="13.5" customHeight="1" x14ac:dyDescent="0.15">
      <c r="A12" s="36">
        <v>7</v>
      </c>
      <c r="B12" s="37" t="s">
        <v>72</v>
      </c>
      <c r="C12" s="59" t="s">
        <v>57</v>
      </c>
      <c r="D12" s="69"/>
      <c r="E12" s="70">
        <v>3</v>
      </c>
      <c r="F12" s="77">
        <v>10</v>
      </c>
      <c r="G12" s="78" t="s">
        <v>60</v>
      </c>
      <c r="H12" s="75" t="s">
        <v>61</v>
      </c>
      <c r="I12" s="43"/>
      <c r="J12" s="43"/>
      <c r="K12" s="64" t="s">
        <v>62</v>
      </c>
      <c r="L12" s="79">
        <v>6.68</v>
      </c>
      <c r="M12" s="66" t="s">
        <v>63</v>
      </c>
      <c r="N12" s="80">
        <v>22600</v>
      </c>
      <c r="O12" s="81">
        <v>19400</v>
      </c>
      <c r="P12" s="68">
        <v>54</v>
      </c>
      <c r="Q12" s="51">
        <v>38723056</v>
      </c>
      <c r="R12" s="52">
        <v>0</v>
      </c>
      <c r="S12" s="36">
        <v>7</v>
      </c>
      <c r="T12" s="37" t="s">
        <v>72</v>
      </c>
      <c r="U12" s="51">
        <v>2602713</v>
      </c>
      <c r="V12" s="53">
        <v>57.94</v>
      </c>
      <c r="W12" s="51">
        <v>0</v>
      </c>
      <c r="X12" s="53">
        <v>0</v>
      </c>
      <c r="Y12" s="54">
        <v>1242231</v>
      </c>
      <c r="Z12" s="55">
        <v>27.65</v>
      </c>
      <c r="AA12" s="54">
        <v>647305</v>
      </c>
      <c r="AB12" s="56">
        <v>14.41</v>
      </c>
      <c r="AC12" s="57">
        <v>4492249</v>
      </c>
      <c r="AD12" s="54">
        <v>447040</v>
      </c>
      <c r="AE12" s="54">
        <v>244</v>
      </c>
      <c r="AF12" s="54">
        <v>4929</v>
      </c>
      <c r="AG12" s="54">
        <v>299989</v>
      </c>
      <c r="AH12" s="241">
        <v>-495061</v>
      </c>
      <c r="AI12" s="52">
        <v>3244986</v>
      </c>
    </row>
    <row r="13" spans="1:35" s="58" customFormat="1" ht="13.5" customHeight="1" x14ac:dyDescent="0.15">
      <c r="A13" s="36">
        <v>8</v>
      </c>
      <c r="B13" s="37" t="s">
        <v>73</v>
      </c>
      <c r="C13" s="59" t="s">
        <v>57</v>
      </c>
      <c r="D13" s="69"/>
      <c r="E13" s="70">
        <v>3</v>
      </c>
      <c r="F13" s="77">
        <v>9</v>
      </c>
      <c r="G13" s="78" t="s">
        <v>74</v>
      </c>
      <c r="H13" s="43" t="s">
        <v>57</v>
      </c>
      <c r="I13" s="71"/>
      <c r="J13" s="72"/>
      <c r="K13" s="64" t="s">
        <v>62</v>
      </c>
      <c r="L13" s="79">
        <v>6.47</v>
      </c>
      <c r="M13" s="66" t="s">
        <v>63</v>
      </c>
      <c r="N13" s="80">
        <v>20000</v>
      </c>
      <c r="O13" s="81">
        <v>27800</v>
      </c>
      <c r="P13" s="68">
        <v>54</v>
      </c>
      <c r="Q13" s="51">
        <v>50959082</v>
      </c>
      <c r="R13" s="52">
        <v>0</v>
      </c>
      <c r="S13" s="36">
        <v>8</v>
      </c>
      <c r="T13" s="37" t="s">
        <v>73</v>
      </c>
      <c r="U13" s="51">
        <v>3297053</v>
      </c>
      <c r="V13" s="53">
        <v>60.51</v>
      </c>
      <c r="W13" s="51">
        <v>0</v>
      </c>
      <c r="X13" s="53">
        <v>0</v>
      </c>
      <c r="Y13" s="54">
        <v>1197420</v>
      </c>
      <c r="Z13" s="55">
        <v>21.98</v>
      </c>
      <c r="AA13" s="54">
        <v>954277</v>
      </c>
      <c r="AB13" s="56">
        <v>17.510000000000002</v>
      </c>
      <c r="AC13" s="57">
        <v>5448750</v>
      </c>
      <c r="AD13" s="54">
        <v>471949</v>
      </c>
      <c r="AE13" s="54">
        <v>50</v>
      </c>
      <c r="AF13" s="54">
        <v>10569</v>
      </c>
      <c r="AG13" s="54">
        <v>581177</v>
      </c>
      <c r="AH13" s="241">
        <v>-136338</v>
      </c>
      <c r="AI13" s="52">
        <v>4248667</v>
      </c>
    </row>
    <row r="14" spans="1:35" s="58" customFormat="1" ht="13.5" customHeight="1" x14ac:dyDescent="0.15">
      <c r="A14" s="36">
        <v>9</v>
      </c>
      <c r="B14" s="37" t="s">
        <v>75</v>
      </c>
      <c r="C14" s="59" t="s">
        <v>57</v>
      </c>
      <c r="D14" s="69"/>
      <c r="E14" s="70" t="s">
        <v>67</v>
      </c>
      <c r="F14" s="62">
        <v>9</v>
      </c>
      <c r="G14" s="63" t="s">
        <v>74</v>
      </c>
      <c r="H14" s="43" t="s">
        <v>57</v>
      </c>
      <c r="I14" s="71"/>
      <c r="J14" s="72"/>
      <c r="K14" s="64" t="s">
        <v>62</v>
      </c>
      <c r="L14" s="65">
        <v>5.6</v>
      </c>
      <c r="M14" s="66" t="s">
        <v>63</v>
      </c>
      <c r="N14" s="67">
        <v>16500</v>
      </c>
      <c r="O14" s="73">
        <v>11500</v>
      </c>
      <c r="P14" s="74">
        <v>54</v>
      </c>
      <c r="Q14" s="51">
        <v>17358516</v>
      </c>
      <c r="R14" s="52">
        <v>0</v>
      </c>
      <c r="S14" s="36">
        <v>9</v>
      </c>
      <c r="T14" s="37" t="s">
        <v>75</v>
      </c>
      <c r="U14" s="51">
        <v>971616</v>
      </c>
      <c r="V14" s="53">
        <v>70.430000000000007</v>
      </c>
      <c r="W14" s="51">
        <v>0</v>
      </c>
      <c r="X14" s="53">
        <v>0</v>
      </c>
      <c r="Y14" s="54">
        <v>288694</v>
      </c>
      <c r="Z14" s="55">
        <v>20.93</v>
      </c>
      <c r="AA14" s="54">
        <v>119195</v>
      </c>
      <c r="AB14" s="56">
        <v>8.64</v>
      </c>
      <c r="AC14" s="57">
        <v>1379505</v>
      </c>
      <c r="AD14" s="54">
        <v>57329</v>
      </c>
      <c r="AE14" s="54">
        <v>0</v>
      </c>
      <c r="AF14" s="54">
        <v>4062</v>
      </c>
      <c r="AG14" s="54">
        <v>173265</v>
      </c>
      <c r="AH14" s="241">
        <v>-185852</v>
      </c>
      <c r="AI14" s="52">
        <v>958997</v>
      </c>
    </row>
    <row r="15" spans="1:35" s="58" customFormat="1" ht="13.5" customHeight="1" x14ac:dyDescent="0.15">
      <c r="A15" s="36">
        <v>10</v>
      </c>
      <c r="B15" s="37" t="s">
        <v>76</v>
      </c>
      <c r="C15" s="69"/>
      <c r="D15" s="59" t="s">
        <v>57</v>
      </c>
      <c r="E15" s="70">
        <v>3</v>
      </c>
      <c r="F15" s="62" t="s">
        <v>59</v>
      </c>
      <c r="G15" s="63" t="s">
        <v>60</v>
      </c>
      <c r="H15" s="43" t="s">
        <v>57</v>
      </c>
      <c r="I15" s="71"/>
      <c r="J15" s="72"/>
      <c r="K15" s="64" t="s">
        <v>62</v>
      </c>
      <c r="L15" s="65">
        <v>5.33</v>
      </c>
      <c r="M15" s="66" t="s">
        <v>63</v>
      </c>
      <c r="N15" s="67">
        <v>23000</v>
      </c>
      <c r="O15" s="73">
        <v>19200</v>
      </c>
      <c r="P15" s="68">
        <v>54</v>
      </c>
      <c r="Q15" s="51">
        <v>147358343</v>
      </c>
      <c r="R15" s="52">
        <v>0</v>
      </c>
      <c r="S15" s="36">
        <v>10</v>
      </c>
      <c r="T15" s="37" t="s">
        <v>76</v>
      </c>
      <c r="U15" s="51">
        <v>7899286</v>
      </c>
      <c r="V15" s="53">
        <v>55.839999999999996</v>
      </c>
      <c r="W15" s="51">
        <v>0</v>
      </c>
      <c r="X15" s="53">
        <v>0</v>
      </c>
      <c r="Y15" s="54">
        <v>4187863</v>
      </c>
      <c r="Z15" s="55">
        <v>29.6</v>
      </c>
      <c r="AA15" s="54">
        <v>2059670</v>
      </c>
      <c r="AB15" s="56">
        <v>14.56</v>
      </c>
      <c r="AC15" s="57">
        <v>14146819</v>
      </c>
      <c r="AD15" s="54">
        <v>1246479</v>
      </c>
      <c r="AE15" s="54">
        <v>820</v>
      </c>
      <c r="AF15" s="54">
        <v>18590</v>
      </c>
      <c r="AG15" s="54">
        <v>986538</v>
      </c>
      <c r="AH15" s="241">
        <v>51437</v>
      </c>
      <c r="AI15" s="52">
        <v>11945829</v>
      </c>
    </row>
    <row r="16" spans="1:35" s="58" customFormat="1" ht="13.5" customHeight="1" x14ac:dyDescent="0.15">
      <c r="A16" s="36">
        <v>11</v>
      </c>
      <c r="B16" s="37" t="s">
        <v>77</v>
      </c>
      <c r="C16" s="69"/>
      <c r="D16" s="59" t="s">
        <v>57</v>
      </c>
      <c r="E16" s="61">
        <v>3</v>
      </c>
      <c r="F16" s="62" t="s">
        <v>59</v>
      </c>
      <c r="G16" s="63" t="s">
        <v>60</v>
      </c>
      <c r="H16" s="43" t="s">
        <v>57</v>
      </c>
      <c r="I16" s="71"/>
      <c r="J16" s="72"/>
      <c r="K16" s="64" t="s">
        <v>62</v>
      </c>
      <c r="L16" s="65">
        <v>7.08</v>
      </c>
      <c r="M16" s="66" t="s">
        <v>63</v>
      </c>
      <c r="N16" s="67">
        <v>29700</v>
      </c>
      <c r="O16" s="73">
        <v>12600</v>
      </c>
      <c r="P16" s="68">
        <v>54</v>
      </c>
      <c r="Q16" s="51">
        <v>12675842</v>
      </c>
      <c r="R16" s="52">
        <v>0</v>
      </c>
      <c r="S16" s="36">
        <v>11</v>
      </c>
      <c r="T16" s="37" t="s">
        <v>77</v>
      </c>
      <c r="U16" s="51">
        <v>897447</v>
      </c>
      <c r="V16" s="53">
        <v>60.29</v>
      </c>
      <c r="W16" s="51">
        <v>0</v>
      </c>
      <c r="X16" s="53">
        <v>0</v>
      </c>
      <c r="Y16" s="54">
        <v>481971</v>
      </c>
      <c r="Z16" s="55">
        <v>32.380000000000003</v>
      </c>
      <c r="AA16" s="54">
        <v>109072</v>
      </c>
      <c r="AB16" s="56">
        <v>7.33</v>
      </c>
      <c r="AC16" s="57">
        <v>1488490</v>
      </c>
      <c r="AD16" s="54">
        <v>125472</v>
      </c>
      <c r="AE16" s="54">
        <v>0</v>
      </c>
      <c r="AF16" s="54">
        <v>1202</v>
      </c>
      <c r="AG16" s="54">
        <v>128510</v>
      </c>
      <c r="AH16" s="241">
        <v>-40575</v>
      </c>
      <c r="AI16" s="52">
        <v>1192731</v>
      </c>
    </row>
    <row r="17" spans="1:35" s="58" customFormat="1" ht="13.5" customHeight="1" x14ac:dyDescent="0.15">
      <c r="A17" s="36">
        <v>12</v>
      </c>
      <c r="B17" s="37" t="s">
        <v>78</v>
      </c>
      <c r="C17" s="69"/>
      <c r="D17" s="59" t="s">
        <v>57</v>
      </c>
      <c r="E17" s="61">
        <v>3</v>
      </c>
      <c r="F17" s="62" t="s">
        <v>59</v>
      </c>
      <c r="G17" s="63" t="s">
        <v>60</v>
      </c>
      <c r="H17" s="43" t="s">
        <v>57</v>
      </c>
      <c r="I17" s="71"/>
      <c r="J17" s="72"/>
      <c r="K17" s="82" t="s">
        <v>62</v>
      </c>
      <c r="L17" s="65">
        <v>5.38</v>
      </c>
      <c r="M17" s="83" t="s">
        <v>63</v>
      </c>
      <c r="N17" s="67">
        <v>19600</v>
      </c>
      <c r="O17" s="73">
        <v>20800</v>
      </c>
      <c r="P17" s="68">
        <v>54</v>
      </c>
      <c r="Q17" s="51">
        <v>35685881</v>
      </c>
      <c r="R17" s="52">
        <v>0</v>
      </c>
      <c r="S17" s="36">
        <v>12</v>
      </c>
      <c r="T17" s="37" t="s">
        <v>78</v>
      </c>
      <c r="U17" s="51">
        <v>1919900</v>
      </c>
      <c r="V17" s="53">
        <v>56.06</v>
      </c>
      <c r="W17" s="51">
        <v>0</v>
      </c>
      <c r="X17" s="53">
        <v>0</v>
      </c>
      <c r="Y17" s="54">
        <v>925865</v>
      </c>
      <c r="Z17" s="55">
        <v>27.03</v>
      </c>
      <c r="AA17" s="54">
        <v>578989</v>
      </c>
      <c r="AB17" s="56">
        <v>16.91</v>
      </c>
      <c r="AC17" s="57">
        <v>3424754</v>
      </c>
      <c r="AD17" s="54">
        <v>331819</v>
      </c>
      <c r="AE17" s="54">
        <v>112</v>
      </c>
      <c r="AF17" s="54">
        <v>3047</v>
      </c>
      <c r="AG17" s="54">
        <v>183956</v>
      </c>
      <c r="AH17" s="241">
        <v>-229806</v>
      </c>
      <c r="AI17" s="52">
        <v>2676014</v>
      </c>
    </row>
    <row r="18" spans="1:35" s="58" customFormat="1" ht="13.5" customHeight="1" x14ac:dyDescent="0.15">
      <c r="A18" s="36">
        <v>13</v>
      </c>
      <c r="B18" s="37" t="s">
        <v>79</v>
      </c>
      <c r="C18" s="59" t="s">
        <v>57</v>
      </c>
      <c r="D18" s="69"/>
      <c r="E18" s="61">
        <v>3</v>
      </c>
      <c r="F18" s="62">
        <v>10</v>
      </c>
      <c r="G18" s="63" t="s">
        <v>60</v>
      </c>
      <c r="H18" s="43" t="s">
        <v>57</v>
      </c>
      <c r="I18" s="71"/>
      <c r="J18" s="72"/>
      <c r="K18" s="64" t="s">
        <v>62</v>
      </c>
      <c r="L18" s="65">
        <v>5.75</v>
      </c>
      <c r="M18" s="66" t="s">
        <v>63</v>
      </c>
      <c r="N18" s="67">
        <v>23054</v>
      </c>
      <c r="O18" s="73">
        <v>24191</v>
      </c>
      <c r="P18" s="68">
        <v>54</v>
      </c>
      <c r="Q18" s="51">
        <v>50741736</v>
      </c>
      <c r="R18" s="52">
        <v>0</v>
      </c>
      <c r="S18" s="36">
        <v>13</v>
      </c>
      <c r="T18" s="37" t="s">
        <v>79</v>
      </c>
      <c r="U18" s="51">
        <v>2853100</v>
      </c>
      <c r="V18" s="53">
        <v>56</v>
      </c>
      <c r="W18" s="51">
        <v>0</v>
      </c>
      <c r="X18" s="53">
        <v>0</v>
      </c>
      <c r="Y18" s="54">
        <v>1397670</v>
      </c>
      <c r="Z18" s="55">
        <v>27.43</v>
      </c>
      <c r="AA18" s="54">
        <v>844242</v>
      </c>
      <c r="AB18" s="56">
        <v>16.57</v>
      </c>
      <c r="AC18" s="57">
        <v>5095012</v>
      </c>
      <c r="AD18" s="54">
        <v>438800</v>
      </c>
      <c r="AE18" s="54">
        <v>84</v>
      </c>
      <c r="AF18" s="54">
        <v>5343</v>
      </c>
      <c r="AG18" s="54">
        <v>389997</v>
      </c>
      <c r="AH18" s="241">
        <v>-99787</v>
      </c>
      <c r="AI18" s="52">
        <v>4161001</v>
      </c>
    </row>
    <row r="19" spans="1:35" s="58" customFormat="1" ht="13.5" customHeight="1" x14ac:dyDescent="0.15">
      <c r="A19" s="36">
        <v>14</v>
      </c>
      <c r="B19" s="37" t="s">
        <v>80</v>
      </c>
      <c r="C19" s="69"/>
      <c r="D19" s="59" t="s">
        <v>57</v>
      </c>
      <c r="E19" s="61">
        <v>3</v>
      </c>
      <c r="F19" s="62" t="s">
        <v>59</v>
      </c>
      <c r="G19" s="63" t="s">
        <v>60</v>
      </c>
      <c r="H19" s="43" t="s">
        <v>57</v>
      </c>
      <c r="I19" s="71"/>
      <c r="J19" s="72"/>
      <c r="K19" s="64" t="s">
        <v>62</v>
      </c>
      <c r="L19" s="65">
        <v>5.95</v>
      </c>
      <c r="M19" s="66" t="s">
        <v>63</v>
      </c>
      <c r="N19" s="67">
        <v>19200</v>
      </c>
      <c r="O19" s="73">
        <v>19800</v>
      </c>
      <c r="P19" s="68">
        <v>54</v>
      </c>
      <c r="Q19" s="51">
        <v>52150297</v>
      </c>
      <c r="R19" s="52">
        <v>0</v>
      </c>
      <c r="S19" s="36">
        <v>14</v>
      </c>
      <c r="T19" s="37" t="s">
        <v>80</v>
      </c>
      <c r="U19" s="51">
        <v>3102131</v>
      </c>
      <c r="V19" s="53">
        <v>62.04</v>
      </c>
      <c r="W19" s="51">
        <v>0</v>
      </c>
      <c r="X19" s="53">
        <v>0</v>
      </c>
      <c r="Y19" s="54">
        <v>1177074</v>
      </c>
      <c r="Z19" s="55">
        <v>23.54</v>
      </c>
      <c r="AA19" s="54">
        <v>720818</v>
      </c>
      <c r="AB19" s="56">
        <v>14.42</v>
      </c>
      <c r="AC19" s="57">
        <v>5000023</v>
      </c>
      <c r="AD19" s="54">
        <v>423971</v>
      </c>
      <c r="AE19" s="54">
        <v>588</v>
      </c>
      <c r="AF19" s="54">
        <v>974</v>
      </c>
      <c r="AG19" s="54">
        <v>523406</v>
      </c>
      <c r="AH19" s="241">
        <v>-158127</v>
      </c>
      <c r="AI19" s="52">
        <v>3892957</v>
      </c>
    </row>
    <row r="20" spans="1:35" s="58" customFormat="1" ht="13.5" customHeight="1" x14ac:dyDescent="0.15">
      <c r="A20" s="36">
        <v>15</v>
      </c>
      <c r="B20" s="37" t="s">
        <v>81</v>
      </c>
      <c r="C20" s="69"/>
      <c r="D20" s="59" t="s">
        <v>57</v>
      </c>
      <c r="E20" s="61" t="s">
        <v>82</v>
      </c>
      <c r="F20" s="62">
        <v>12</v>
      </c>
      <c r="G20" s="63" t="s">
        <v>83</v>
      </c>
      <c r="H20" s="43" t="s">
        <v>57</v>
      </c>
      <c r="I20" s="71"/>
      <c r="J20" s="72"/>
      <c r="K20" s="82" t="s">
        <v>57</v>
      </c>
      <c r="L20" s="65">
        <v>5.0999999999999996</v>
      </c>
      <c r="M20" s="65">
        <v>4.96</v>
      </c>
      <c r="N20" s="67">
        <v>19700</v>
      </c>
      <c r="O20" s="73">
        <v>21800</v>
      </c>
      <c r="P20" s="68">
        <v>54</v>
      </c>
      <c r="Q20" s="51">
        <v>20017180</v>
      </c>
      <c r="R20" s="52">
        <v>1110474</v>
      </c>
      <c r="S20" s="36">
        <v>15</v>
      </c>
      <c r="T20" s="37" t="s">
        <v>81</v>
      </c>
      <c r="U20" s="51">
        <v>1020877</v>
      </c>
      <c r="V20" s="53">
        <v>53.75</v>
      </c>
      <c r="W20" s="51">
        <v>55079</v>
      </c>
      <c r="X20" s="53">
        <v>2.9</v>
      </c>
      <c r="Y20" s="54">
        <v>503157</v>
      </c>
      <c r="Z20" s="55">
        <v>26.49</v>
      </c>
      <c r="AA20" s="54">
        <v>320165</v>
      </c>
      <c r="AB20" s="56">
        <v>16.86</v>
      </c>
      <c r="AC20" s="57">
        <v>1899278</v>
      </c>
      <c r="AD20" s="54">
        <v>172803</v>
      </c>
      <c r="AE20" s="54">
        <v>0</v>
      </c>
      <c r="AF20" s="54">
        <v>1690</v>
      </c>
      <c r="AG20" s="54">
        <v>95885</v>
      </c>
      <c r="AH20" s="241">
        <v>-70005</v>
      </c>
      <c r="AI20" s="52">
        <v>1558895</v>
      </c>
    </row>
    <row r="21" spans="1:35" s="58" customFormat="1" ht="13.5" customHeight="1" x14ac:dyDescent="0.15">
      <c r="A21" s="36">
        <v>16</v>
      </c>
      <c r="B21" s="37" t="s">
        <v>84</v>
      </c>
      <c r="C21" s="69"/>
      <c r="D21" s="59" t="s">
        <v>57</v>
      </c>
      <c r="E21" s="61">
        <v>3</v>
      </c>
      <c r="F21" s="62">
        <v>10</v>
      </c>
      <c r="G21" s="63" t="s">
        <v>60</v>
      </c>
      <c r="H21" s="43" t="s">
        <v>57</v>
      </c>
      <c r="I21" s="71"/>
      <c r="J21" s="72"/>
      <c r="K21" s="82" t="s">
        <v>62</v>
      </c>
      <c r="L21" s="65">
        <v>5</v>
      </c>
      <c r="M21" s="66" t="s">
        <v>63</v>
      </c>
      <c r="N21" s="67">
        <v>23700</v>
      </c>
      <c r="O21" s="73">
        <v>18600</v>
      </c>
      <c r="P21" s="68">
        <v>54</v>
      </c>
      <c r="Q21" s="51">
        <v>28438124</v>
      </c>
      <c r="R21" s="52">
        <v>0</v>
      </c>
      <c r="S21" s="36">
        <v>16</v>
      </c>
      <c r="T21" s="37" t="s">
        <v>84</v>
      </c>
      <c r="U21" s="51">
        <v>1421901</v>
      </c>
      <c r="V21" s="53">
        <v>55.08</v>
      </c>
      <c r="W21" s="51">
        <v>0</v>
      </c>
      <c r="X21" s="53">
        <v>0</v>
      </c>
      <c r="Y21" s="54">
        <v>788523</v>
      </c>
      <c r="Z21" s="55">
        <v>30.54</v>
      </c>
      <c r="AA21" s="54">
        <v>371275</v>
      </c>
      <c r="AB21" s="56">
        <v>14.38</v>
      </c>
      <c r="AC21" s="57">
        <v>2581699</v>
      </c>
      <c r="AD21" s="54">
        <v>245883</v>
      </c>
      <c r="AE21" s="54">
        <v>234</v>
      </c>
      <c r="AF21" s="54">
        <v>3207</v>
      </c>
      <c r="AG21" s="54">
        <v>209224</v>
      </c>
      <c r="AH21" s="241">
        <v>-100350</v>
      </c>
      <c r="AI21" s="52">
        <v>2022801</v>
      </c>
    </row>
    <row r="22" spans="1:35" s="58" customFormat="1" ht="13.5" customHeight="1" x14ac:dyDescent="0.15">
      <c r="A22" s="36">
        <v>17</v>
      </c>
      <c r="B22" s="37" t="s">
        <v>85</v>
      </c>
      <c r="C22" s="69"/>
      <c r="D22" s="59" t="s">
        <v>57</v>
      </c>
      <c r="E22" s="61">
        <v>3</v>
      </c>
      <c r="F22" s="62">
        <v>10</v>
      </c>
      <c r="G22" s="63" t="s">
        <v>60</v>
      </c>
      <c r="H22" s="43" t="s">
        <v>57</v>
      </c>
      <c r="I22" s="71"/>
      <c r="J22" s="72"/>
      <c r="K22" s="82" t="s">
        <v>62</v>
      </c>
      <c r="L22" s="65">
        <v>5.4</v>
      </c>
      <c r="M22" s="83" t="s">
        <v>63</v>
      </c>
      <c r="N22" s="67">
        <v>20000</v>
      </c>
      <c r="O22" s="73">
        <v>18000</v>
      </c>
      <c r="P22" s="68">
        <v>54</v>
      </c>
      <c r="Q22" s="51">
        <v>29467702</v>
      </c>
      <c r="R22" s="52">
        <v>0</v>
      </c>
      <c r="S22" s="36">
        <v>17</v>
      </c>
      <c r="T22" s="37" t="s">
        <v>85</v>
      </c>
      <c r="U22" s="51">
        <v>1591249</v>
      </c>
      <c r="V22" s="53">
        <v>57.35</v>
      </c>
      <c r="W22" s="51">
        <v>0</v>
      </c>
      <c r="X22" s="53">
        <v>0</v>
      </c>
      <c r="Y22" s="54">
        <v>769940</v>
      </c>
      <c r="Z22" s="55">
        <v>27.75</v>
      </c>
      <c r="AA22" s="54">
        <v>413577</v>
      </c>
      <c r="AB22" s="56">
        <v>14.9</v>
      </c>
      <c r="AC22" s="57">
        <v>2774766</v>
      </c>
      <c r="AD22" s="54">
        <v>257078</v>
      </c>
      <c r="AE22" s="54">
        <v>0</v>
      </c>
      <c r="AF22" s="54">
        <v>2501</v>
      </c>
      <c r="AG22" s="54">
        <v>150372</v>
      </c>
      <c r="AH22" s="241">
        <v>-314753</v>
      </c>
      <c r="AI22" s="52">
        <v>2050062</v>
      </c>
    </row>
    <row r="23" spans="1:35" s="58" customFormat="1" ht="13.5" customHeight="1" x14ac:dyDescent="0.15">
      <c r="A23" s="36">
        <v>18</v>
      </c>
      <c r="B23" s="37" t="s">
        <v>86</v>
      </c>
      <c r="C23" s="59"/>
      <c r="D23" s="84" t="s">
        <v>57</v>
      </c>
      <c r="E23" s="61">
        <v>3</v>
      </c>
      <c r="F23" s="62">
        <v>10</v>
      </c>
      <c r="G23" s="63" t="s">
        <v>60</v>
      </c>
      <c r="H23" s="43" t="s">
        <v>57</v>
      </c>
      <c r="I23" s="71"/>
      <c r="J23" s="72"/>
      <c r="K23" s="82" t="s">
        <v>62</v>
      </c>
      <c r="L23" s="65">
        <v>7.54</v>
      </c>
      <c r="M23" s="83" t="s">
        <v>63</v>
      </c>
      <c r="N23" s="67">
        <v>27560</v>
      </c>
      <c r="O23" s="73">
        <v>32540</v>
      </c>
      <c r="P23" s="68">
        <v>54</v>
      </c>
      <c r="Q23" s="51">
        <v>7423609</v>
      </c>
      <c r="R23" s="52">
        <v>0</v>
      </c>
      <c r="S23" s="36">
        <v>18</v>
      </c>
      <c r="T23" s="37" t="s">
        <v>86</v>
      </c>
      <c r="U23" s="51">
        <v>559738</v>
      </c>
      <c r="V23" s="53">
        <v>52.92</v>
      </c>
      <c r="W23" s="51">
        <v>0</v>
      </c>
      <c r="X23" s="53">
        <v>0</v>
      </c>
      <c r="Y23" s="54">
        <v>296297</v>
      </c>
      <c r="Z23" s="55">
        <v>28.02</v>
      </c>
      <c r="AA23" s="54">
        <v>201577</v>
      </c>
      <c r="AB23" s="56">
        <v>19.059999999999999</v>
      </c>
      <c r="AC23" s="57">
        <v>1057612</v>
      </c>
      <c r="AD23" s="54">
        <v>99166</v>
      </c>
      <c r="AE23" s="54">
        <v>0</v>
      </c>
      <c r="AF23" s="54">
        <v>4573</v>
      </c>
      <c r="AG23" s="54">
        <v>65634</v>
      </c>
      <c r="AH23" s="241">
        <v>-46134</v>
      </c>
      <c r="AI23" s="52">
        <v>842105</v>
      </c>
    </row>
    <row r="24" spans="1:35" s="58" customFormat="1" ht="13.5" customHeight="1" thickBot="1" x14ac:dyDescent="0.2">
      <c r="A24" s="36">
        <v>21</v>
      </c>
      <c r="B24" s="85" t="s">
        <v>87</v>
      </c>
      <c r="C24" s="86"/>
      <c r="D24" s="87" t="s">
        <v>57</v>
      </c>
      <c r="E24" s="88">
        <v>3</v>
      </c>
      <c r="F24" s="89" t="s">
        <v>59</v>
      </c>
      <c r="G24" s="90" t="s">
        <v>60</v>
      </c>
      <c r="H24" s="45" t="s">
        <v>57</v>
      </c>
      <c r="I24" s="91"/>
      <c r="J24" s="92"/>
      <c r="K24" s="93" t="s">
        <v>62</v>
      </c>
      <c r="L24" s="94">
        <v>5.6</v>
      </c>
      <c r="M24" s="95" t="s">
        <v>63</v>
      </c>
      <c r="N24" s="96">
        <v>16800</v>
      </c>
      <c r="O24" s="97">
        <v>19200</v>
      </c>
      <c r="P24" s="98">
        <v>54</v>
      </c>
      <c r="Q24" s="99">
        <v>18935806</v>
      </c>
      <c r="R24" s="100">
        <v>0</v>
      </c>
      <c r="S24" s="36">
        <v>21</v>
      </c>
      <c r="T24" s="85" t="s">
        <v>87</v>
      </c>
      <c r="U24" s="101">
        <v>1060401</v>
      </c>
      <c r="V24" s="102">
        <v>60.78</v>
      </c>
      <c r="W24" s="101">
        <v>0</v>
      </c>
      <c r="X24" s="102">
        <v>0</v>
      </c>
      <c r="Y24" s="103">
        <v>419310</v>
      </c>
      <c r="Z24" s="104">
        <v>24.04</v>
      </c>
      <c r="AA24" s="103">
        <v>264729</v>
      </c>
      <c r="AB24" s="105">
        <v>15.18</v>
      </c>
      <c r="AC24" s="106">
        <v>1744440</v>
      </c>
      <c r="AD24" s="103">
        <v>128986</v>
      </c>
      <c r="AE24" s="103">
        <v>108</v>
      </c>
      <c r="AF24" s="103">
        <v>2747</v>
      </c>
      <c r="AG24" s="103">
        <v>119072</v>
      </c>
      <c r="AH24" s="242">
        <v>-69247</v>
      </c>
      <c r="AI24" s="100">
        <v>1424280</v>
      </c>
    </row>
    <row r="25" spans="1:35" s="58" customFormat="1" ht="13.5" customHeight="1" thickTop="1" x14ac:dyDescent="0.15">
      <c r="A25" s="107">
        <v>19</v>
      </c>
      <c r="B25" s="108" t="s">
        <v>88</v>
      </c>
      <c r="C25" s="38" t="s">
        <v>57</v>
      </c>
      <c r="D25" s="39"/>
      <c r="E25" s="40">
        <v>3</v>
      </c>
      <c r="F25" s="41">
        <v>10</v>
      </c>
      <c r="G25" s="42" t="s">
        <v>60</v>
      </c>
      <c r="H25" s="109" t="s">
        <v>61</v>
      </c>
      <c r="I25" s="110"/>
      <c r="J25" s="111"/>
      <c r="K25" s="112" t="s">
        <v>89</v>
      </c>
      <c r="L25" s="47">
        <v>5.77</v>
      </c>
      <c r="M25" s="113" t="s">
        <v>63</v>
      </c>
      <c r="N25" s="114">
        <v>20400</v>
      </c>
      <c r="O25" s="114">
        <v>17400</v>
      </c>
      <c r="P25" s="50">
        <v>54</v>
      </c>
      <c r="Q25" s="51">
        <v>9604742</v>
      </c>
      <c r="R25" s="115">
        <v>0</v>
      </c>
      <c r="S25" s="107">
        <v>19</v>
      </c>
      <c r="T25" s="108" t="s">
        <v>88</v>
      </c>
      <c r="U25" s="116">
        <v>554193</v>
      </c>
      <c r="V25" s="117">
        <v>66.180000000000007</v>
      </c>
      <c r="W25" s="116">
        <v>0</v>
      </c>
      <c r="X25" s="117">
        <v>0</v>
      </c>
      <c r="Y25" s="118">
        <v>190935</v>
      </c>
      <c r="Z25" s="119">
        <v>22.8</v>
      </c>
      <c r="AA25" s="118">
        <v>92317</v>
      </c>
      <c r="AB25" s="120">
        <v>11.02</v>
      </c>
      <c r="AC25" s="121">
        <v>837445</v>
      </c>
      <c r="AD25" s="118">
        <v>52284</v>
      </c>
      <c r="AE25" s="118">
        <v>0</v>
      </c>
      <c r="AF25" s="118">
        <v>3585</v>
      </c>
      <c r="AG25" s="118">
        <v>153997</v>
      </c>
      <c r="AH25" s="241">
        <v>-50509</v>
      </c>
      <c r="AI25" s="115">
        <v>577070</v>
      </c>
    </row>
    <row r="26" spans="1:35" s="58" customFormat="1" ht="13.5" customHeight="1" x14ac:dyDescent="0.15">
      <c r="A26" s="36">
        <v>20</v>
      </c>
      <c r="B26" s="37" t="s">
        <v>90</v>
      </c>
      <c r="C26" s="59" t="s">
        <v>57</v>
      </c>
      <c r="D26" s="69"/>
      <c r="E26" s="61">
        <v>3</v>
      </c>
      <c r="F26" s="62">
        <v>10</v>
      </c>
      <c r="G26" s="63" t="s">
        <v>60</v>
      </c>
      <c r="H26" s="43" t="s">
        <v>57</v>
      </c>
      <c r="I26" s="71"/>
      <c r="J26" s="72"/>
      <c r="K26" s="82" t="s">
        <v>65</v>
      </c>
      <c r="L26" s="65">
        <v>6.89</v>
      </c>
      <c r="M26" s="83" t="s">
        <v>63</v>
      </c>
      <c r="N26" s="73">
        <v>27300</v>
      </c>
      <c r="O26" s="73">
        <v>27400</v>
      </c>
      <c r="P26" s="68">
        <v>54</v>
      </c>
      <c r="Q26" s="51">
        <v>9753853</v>
      </c>
      <c r="R26" s="52">
        <v>0</v>
      </c>
      <c r="S26" s="36">
        <v>20</v>
      </c>
      <c r="T26" s="37" t="s">
        <v>90</v>
      </c>
      <c r="U26" s="51">
        <v>672036</v>
      </c>
      <c r="V26" s="53">
        <v>54.72</v>
      </c>
      <c r="W26" s="51">
        <v>0</v>
      </c>
      <c r="X26" s="53">
        <v>0</v>
      </c>
      <c r="Y26" s="54">
        <v>355938</v>
      </c>
      <c r="Z26" s="55">
        <v>28.98</v>
      </c>
      <c r="AA26" s="54">
        <v>200185</v>
      </c>
      <c r="AB26" s="56">
        <v>16.3</v>
      </c>
      <c r="AC26" s="57">
        <v>1228159</v>
      </c>
      <c r="AD26" s="54">
        <v>122580</v>
      </c>
      <c r="AE26" s="54">
        <v>0</v>
      </c>
      <c r="AF26" s="54">
        <v>2148</v>
      </c>
      <c r="AG26" s="54">
        <v>77976</v>
      </c>
      <c r="AH26" s="241">
        <v>-48874</v>
      </c>
      <c r="AI26" s="52">
        <v>976581</v>
      </c>
    </row>
    <row r="27" spans="1:35" s="58" customFormat="1" ht="13.5" customHeight="1" x14ac:dyDescent="0.15">
      <c r="A27" s="36">
        <v>22</v>
      </c>
      <c r="B27" s="37" t="s">
        <v>91</v>
      </c>
      <c r="C27" s="69"/>
      <c r="D27" s="59" t="s">
        <v>57</v>
      </c>
      <c r="E27" s="61" t="s">
        <v>82</v>
      </c>
      <c r="F27" s="62">
        <v>10</v>
      </c>
      <c r="G27" s="63" t="s">
        <v>60</v>
      </c>
      <c r="H27" s="43" t="s">
        <v>57</v>
      </c>
      <c r="I27" s="71"/>
      <c r="J27" s="72"/>
      <c r="K27" s="82" t="s">
        <v>57</v>
      </c>
      <c r="L27" s="65">
        <v>5.6</v>
      </c>
      <c r="M27" s="65">
        <v>10</v>
      </c>
      <c r="N27" s="73">
        <v>20400</v>
      </c>
      <c r="O27" s="73">
        <v>25000</v>
      </c>
      <c r="P27" s="68">
        <v>54</v>
      </c>
      <c r="Q27" s="51">
        <v>8312881</v>
      </c>
      <c r="R27" s="52">
        <v>366008</v>
      </c>
      <c r="S27" s="36">
        <v>22</v>
      </c>
      <c r="T27" s="37" t="s">
        <v>91</v>
      </c>
      <c r="U27" s="51">
        <v>465519</v>
      </c>
      <c r="V27" s="53">
        <v>56.31</v>
      </c>
      <c r="W27" s="51">
        <v>36600</v>
      </c>
      <c r="X27" s="53">
        <v>4.43</v>
      </c>
      <c r="Y27" s="54">
        <v>191067</v>
      </c>
      <c r="Z27" s="55">
        <v>23.12</v>
      </c>
      <c r="AA27" s="54">
        <v>133375</v>
      </c>
      <c r="AB27" s="56">
        <v>16.14</v>
      </c>
      <c r="AC27" s="57">
        <v>826561</v>
      </c>
      <c r="AD27" s="54">
        <v>69312</v>
      </c>
      <c r="AE27" s="54">
        <v>0</v>
      </c>
      <c r="AF27" s="54">
        <v>1198</v>
      </c>
      <c r="AG27" s="54">
        <v>91407</v>
      </c>
      <c r="AH27" s="241">
        <v>-14111</v>
      </c>
      <c r="AI27" s="52">
        <v>650533</v>
      </c>
    </row>
    <row r="28" spans="1:35" s="58" customFormat="1" ht="13.5" customHeight="1" x14ac:dyDescent="0.15">
      <c r="A28" s="36">
        <v>23</v>
      </c>
      <c r="B28" s="37" t="s">
        <v>92</v>
      </c>
      <c r="C28" s="69"/>
      <c r="D28" s="59" t="s">
        <v>57</v>
      </c>
      <c r="E28" s="61" t="s">
        <v>82</v>
      </c>
      <c r="F28" s="62">
        <v>9</v>
      </c>
      <c r="G28" s="78" t="s">
        <v>74</v>
      </c>
      <c r="H28" s="43" t="s">
        <v>57</v>
      </c>
      <c r="I28" s="43"/>
      <c r="J28" s="72"/>
      <c r="K28" s="82" t="s">
        <v>57</v>
      </c>
      <c r="L28" s="65">
        <v>5.8</v>
      </c>
      <c r="M28" s="65">
        <v>8</v>
      </c>
      <c r="N28" s="73">
        <v>24000</v>
      </c>
      <c r="O28" s="73">
        <v>22000</v>
      </c>
      <c r="P28" s="68">
        <v>54</v>
      </c>
      <c r="Q28" s="51">
        <v>5955116</v>
      </c>
      <c r="R28" s="52">
        <v>260162</v>
      </c>
      <c r="S28" s="36">
        <v>23</v>
      </c>
      <c r="T28" s="37" t="s">
        <v>92</v>
      </c>
      <c r="U28" s="51">
        <v>345395</v>
      </c>
      <c r="V28" s="53">
        <v>52.9</v>
      </c>
      <c r="W28" s="51">
        <v>20813</v>
      </c>
      <c r="X28" s="53">
        <v>3.19</v>
      </c>
      <c r="Y28" s="54">
        <v>187320</v>
      </c>
      <c r="Z28" s="55">
        <v>28.69</v>
      </c>
      <c r="AA28" s="54">
        <v>99341</v>
      </c>
      <c r="AB28" s="56">
        <v>15.22</v>
      </c>
      <c r="AC28" s="57">
        <v>652869</v>
      </c>
      <c r="AD28" s="54">
        <v>58997</v>
      </c>
      <c r="AE28" s="54">
        <v>0</v>
      </c>
      <c r="AF28" s="54">
        <v>0</v>
      </c>
      <c r="AG28" s="54">
        <v>40078</v>
      </c>
      <c r="AH28" s="241">
        <v>-21715</v>
      </c>
      <c r="AI28" s="52">
        <v>532079</v>
      </c>
    </row>
    <row r="29" spans="1:35" s="58" customFormat="1" ht="13.5" customHeight="1" x14ac:dyDescent="0.15">
      <c r="A29" s="36">
        <v>24</v>
      </c>
      <c r="B29" s="37" t="s">
        <v>93</v>
      </c>
      <c r="C29" s="69"/>
      <c r="D29" s="59" t="s">
        <v>57</v>
      </c>
      <c r="E29" s="70" t="s">
        <v>82</v>
      </c>
      <c r="F29" s="77">
        <v>6</v>
      </c>
      <c r="G29" s="78" t="s">
        <v>94</v>
      </c>
      <c r="H29" s="43" t="s">
        <v>57</v>
      </c>
      <c r="I29" s="71"/>
      <c r="J29" s="72"/>
      <c r="K29" s="82" t="s">
        <v>57</v>
      </c>
      <c r="L29" s="79">
        <v>4.9000000000000004</v>
      </c>
      <c r="M29" s="79">
        <v>18</v>
      </c>
      <c r="N29" s="81">
        <v>21500</v>
      </c>
      <c r="O29" s="81">
        <v>25000</v>
      </c>
      <c r="P29" s="68">
        <v>54</v>
      </c>
      <c r="Q29" s="51">
        <v>2173010</v>
      </c>
      <c r="R29" s="52">
        <v>125870</v>
      </c>
      <c r="S29" s="36">
        <v>24</v>
      </c>
      <c r="T29" s="37" t="s">
        <v>93</v>
      </c>
      <c r="U29" s="51">
        <v>106475</v>
      </c>
      <c r="V29" s="53">
        <v>45.470000000000006</v>
      </c>
      <c r="W29" s="51">
        <v>22657</v>
      </c>
      <c r="X29" s="53">
        <v>9.68</v>
      </c>
      <c r="Y29" s="54">
        <v>64286</v>
      </c>
      <c r="Z29" s="55">
        <v>27.45</v>
      </c>
      <c r="AA29" s="54">
        <v>40756</v>
      </c>
      <c r="AB29" s="56">
        <v>17.399999999999999</v>
      </c>
      <c r="AC29" s="57">
        <v>234174</v>
      </c>
      <c r="AD29" s="54">
        <v>18734</v>
      </c>
      <c r="AE29" s="54">
        <v>0</v>
      </c>
      <c r="AF29" s="54">
        <v>292</v>
      </c>
      <c r="AG29" s="54">
        <v>7429</v>
      </c>
      <c r="AH29" s="241">
        <v>-6640</v>
      </c>
      <c r="AI29" s="52">
        <v>201079</v>
      </c>
    </row>
    <row r="30" spans="1:35" s="58" customFormat="1" ht="13.5" customHeight="1" x14ac:dyDescent="0.15">
      <c r="A30" s="36">
        <v>25</v>
      </c>
      <c r="B30" s="37" t="s">
        <v>95</v>
      </c>
      <c r="C30" s="69"/>
      <c r="D30" s="59" t="s">
        <v>57</v>
      </c>
      <c r="E30" s="61" t="s">
        <v>82</v>
      </c>
      <c r="F30" s="62">
        <v>10</v>
      </c>
      <c r="G30" s="63" t="s">
        <v>96</v>
      </c>
      <c r="H30" s="43" t="s">
        <v>57</v>
      </c>
      <c r="I30" s="71"/>
      <c r="J30" s="72"/>
      <c r="K30" s="82" t="s">
        <v>57</v>
      </c>
      <c r="L30" s="65">
        <v>4.75</v>
      </c>
      <c r="M30" s="65">
        <v>20.27</v>
      </c>
      <c r="N30" s="81">
        <v>23500</v>
      </c>
      <c r="O30" s="73">
        <v>25800</v>
      </c>
      <c r="P30" s="68">
        <v>54</v>
      </c>
      <c r="Q30" s="51">
        <v>3542831</v>
      </c>
      <c r="R30" s="52">
        <v>201905</v>
      </c>
      <c r="S30" s="36">
        <v>25</v>
      </c>
      <c r="T30" s="37" t="s">
        <v>95</v>
      </c>
      <c r="U30" s="51">
        <v>168283</v>
      </c>
      <c r="V30" s="53">
        <v>42.019999999999996</v>
      </c>
      <c r="W30" s="51">
        <v>40925</v>
      </c>
      <c r="X30" s="53">
        <v>10.220000000000001</v>
      </c>
      <c r="Y30" s="54">
        <v>117336</v>
      </c>
      <c r="Z30" s="55">
        <v>29.3</v>
      </c>
      <c r="AA30" s="54">
        <v>73917</v>
      </c>
      <c r="AB30" s="56">
        <v>18.46</v>
      </c>
      <c r="AC30" s="57">
        <v>400461</v>
      </c>
      <c r="AD30" s="54">
        <v>40446</v>
      </c>
      <c r="AE30" s="54">
        <v>0</v>
      </c>
      <c r="AF30" s="54">
        <v>583</v>
      </c>
      <c r="AG30" s="54">
        <v>12514</v>
      </c>
      <c r="AH30" s="241">
        <v>-42587</v>
      </c>
      <c r="AI30" s="52">
        <v>304331</v>
      </c>
    </row>
    <row r="31" spans="1:35" s="58" customFormat="1" ht="13.5" customHeight="1" x14ac:dyDescent="0.15">
      <c r="A31" s="36">
        <v>26</v>
      </c>
      <c r="B31" s="37" t="s">
        <v>97</v>
      </c>
      <c r="C31" s="69"/>
      <c r="D31" s="59" t="s">
        <v>57</v>
      </c>
      <c r="E31" s="70" t="s">
        <v>82</v>
      </c>
      <c r="F31" s="77" t="s">
        <v>59</v>
      </c>
      <c r="G31" s="78" t="s">
        <v>98</v>
      </c>
      <c r="H31" s="43" t="s">
        <v>57</v>
      </c>
      <c r="I31" s="71"/>
      <c r="J31" s="72"/>
      <c r="K31" s="82" t="s">
        <v>57</v>
      </c>
      <c r="L31" s="79">
        <v>4.7699999999999996</v>
      </c>
      <c r="M31" s="79">
        <v>27.72</v>
      </c>
      <c r="N31" s="81">
        <v>23000</v>
      </c>
      <c r="O31" s="81">
        <v>26800</v>
      </c>
      <c r="P31" s="68">
        <v>54</v>
      </c>
      <c r="Q31" s="51">
        <v>2234792</v>
      </c>
      <c r="R31" s="52">
        <v>117870</v>
      </c>
      <c r="S31" s="36">
        <v>26</v>
      </c>
      <c r="T31" s="37" t="s">
        <v>97</v>
      </c>
      <c r="U31" s="51">
        <v>106599</v>
      </c>
      <c r="V31" s="53">
        <v>41.120000000000005</v>
      </c>
      <c r="W31" s="51">
        <v>32673</v>
      </c>
      <c r="X31" s="53">
        <v>12.6</v>
      </c>
      <c r="Y31" s="54">
        <v>71254</v>
      </c>
      <c r="Z31" s="55">
        <v>27.48</v>
      </c>
      <c r="AA31" s="54">
        <v>48749</v>
      </c>
      <c r="AB31" s="56">
        <v>18.8</v>
      </c>
      <c r="AC31" s="57">
        <v>259275</v>
      </c>
      <c r="AD31" s="54">
        <v>28404</v>
      </c>
      <c r="AE31" s="54">
        <v>0</v>
      </c>
      <c r="AF31" s="54">
        <v>135</v>
      </c>
      <c r="AG31" s="54">
        <v>14391</v>
      </c>
      <c r="AH31" s="241">
        <v>-8497</v>
      </c>
      <c r="AI31" s="52">
        <v>207848</v>
      </c>
    </row>
    <row r="32" spans="1:35" s="58" customFormat="1" ht="13.5" customHeight="1" x14ac:dyDescent="0.15">
      <c r="A32" s="36">
        <v>27</v>
      </c>
      <c r="B32" s="37" t="s">
        <v>99</v>
      </c>
      <c r="C32" s="69"/>
      <c r="D32" s="59" t="s">
        <v>57</v>
      </c>
      <c r="E32" s="70" t="s">
        <v>82</v>
      </c>
      <c r="F32" s="77">
        <v>8</v>
      </c>
      <c r="G32" s="78" t="s">
        <v>100</v>
      </c>
      <c r="H32" s="43" t="s">
        <v>57</v>
      </c>
      <c r="I32" s="71"/>
      <c r="J32" s="72"/>
      <c r="K32" s="82" t="s">
        <v>57</v>
      </c>
      <c r="L32" s="79">
        <v>5.2</v>
      </c>
      <c r="M32" s="79">
        <v>30.9</v>
      </c>
      <c r="N32" s="81">
        <v>23000</v>
      </c>
      <c r="O32" s="81">
        <v>41000</v>
      </c>
      <c r="P32" s="68">
        <v>54</v>
      </c>
      <c r="Q32" s="51">
        <v>2202723</v>
      </c>
      <c r="R32" s="52">
        <v>105114</v>
      </c>
      <c r="S32" s="36">
        <v>27</v>
      </c>
      <c r="T32" s="37" t="s">
        <v>99</v>
      </c>
      <c r="U32" s="51">
        <v>114541</v>
      </c>
      <c r="V32" s="53">
        <v>38.710000000000008</v>
      </c>
      <c r="W32" s="51">
        <v>32479</v>
      </c>
      <c r="X32" s="53">
        <v>10.97</v>
      </c>
      <c r="Y32" s="54">
        <v>73485</v>
      </c>
      <c r="Z32" s="55">
        <v>24.83</v>
      </c>
      <c r="AA32" s="54">
        <v>75440</v>
      </c>
      <c r="AB32" s="56">
        <v>25.49</v>
      </c>
      <c r="AC32" s="57">
        <v>295945</v>
      </c>
      <c r="AD32" s="54">
        <v>31000</v>
      </c>
      <c r="AE32" s="54">
        <v>0</v>
      </c>
      <c r="AF32" s="54">
        <v>174</v>
      </c>
      <c r="AG32" s="54">
        <v>5820</v>
      </c>
      <c r="AH32" s="241">
        <v>-8707</v>
      </c>
      <c r="AI32" s="52">
        <v>250244</v>
      </c>
    </row>
    <row r="33" spans="1:35" s="58" customFormat="1" ht="13.5" customHeight="1" x14ac:dyDescent="0.15">
      <c r="A33" s="36">
        <v>28</v>
      </c>
      <c r="B33" s="37" t="s">
        <v>101</v>
      </c>
      <c r="C33" s="69"/>
      <c r="D33" s="59" t="s">
        <v>57</v>
      </c>
      <c r="E33" s="70" t="s">
        <v>82</v>
      </c>
      <c r="F33" s="77">
        <v>10</v>
      </c>
      <c r="G33" s="63" t="s">
        <v>60</v>
      </c>
      <c r="H33" s="43" t="s">
        <v>57</v>
      </c>
      <c r="I33" s="71"/>
      <c r="J33" s="72"/>
      <c r="K33" s="82" t="s">
        <v>57</v>
      </c>
      <c r="L33" s="79">
        <v>5.09</v>
      </c>
      <c r="M33" s="79">
        <v>25.65</v>
      </c>
      <c r="N33" s="81">
        <v>25000</v>
      </c>
      <c r="O33" s="81">
        <v>29600</v>
      </c>
      <c r="P33" s="68">
        <v>54</v>
      </c>
      <c r="Q33" s="51">
        <v>3001337</v>
      </c>
      <c r="R33" s="52">
        <v>185488</v>
      </c>
      <c r="S33" s="36">
        <v>28</v>
      </c>
      <c r="T33" s="37" t="s">
        <v>101</v>
      </c>
      <c r="U33" s="51">
        <v>152767</v>
      </c>
      <c r="V33" s="53">
        <v>42.259999999999991</v>
      </c>
      <c r="W33" s="51">
        <v>47577</v>
      </c>
      <c r="X33" s="53">
        <v>13.16</v>
      </c>
      <c r="Y33" s="54">
        <v>96975</v>
      </c>
      <c r="Z33" s="55">
        <v>26.82</v>
      </c>
      <c r="AA33" s="54">
        <v>64210</v>
      </c>
      <c r="AB33" s="56">
        <v>17.760000000000002</v>
      </c>
      <c r="AC33" s="57">
        <v>361529</v>
      </c>
      <c r="AD33" s="54">
        <v>32738</v>
      </c>
      <c r="AE33" s="54">
        <v>0</v>
      </c>
      <c r="AF33" s="54">
        <v>665</v>
      </c>
      <c r="AG33" s="54">
        <v>30156</v>
      </c>
      <c r="AH33" s="241">
        <v>-14545</v>
      </c>
      <c r="AI33" s="52">
        <v>283425</v>
      </c>
    </row>
    <row r="34" spans="1:35" s="58" customFormat="1" ht="13.5" customHeight="1" x14ac:dyDescent="0.15">
      <c r="A34" s="36">
        <v>29</v>
      </c>
      <c r="B34" s="37" t="s">
        <v>102</v>
      </c>
      <c r="C34" s="59" t="s">
        <v>57</v>
      </c>
      <c r="D34" s="69"/>
      <c r="E34" s="61">
        <v>3</v>
      </c>
      <c r="F34" s="62">
        <v>10</v>
      </c>
      <c r="G34" s="63" t="s">
        <v>60</v>
      </c>
      <c r="H34" s="43" t="s">
        <v>57</v>
      </c>
      <c r="I34" s="71"/>
      <c r="J34" s="72"/>
      <c r="K34" s="82" t="s">
        <v>62</v>
      </c>
      <c r="L34" s="65">
        <v>7.01</v>
      </c>
      <c r="M34" s="83" t="s">
        <v>63</v>
      </c>
      <c r="N34" s="73">
        <v>22540</v>
      </c>
      <c r="O34" s="73">
        <v>26770</v>
      </c>
      <c r="P34" s="68">
        <v>54</v>
      </c>
      <c r="Q34" s="51">
        <v>2692507</v>
      </c>
      <c r="R34" s="52">
        <v>0</v>
      </c>
      <c r="S34" s="36">
        <v>29</v>
      </c>
      <c r="T34" s="37" t="s">
        <v>102</v>
      </c>
      <c r="U34" s="51">
        <v>188744</v>
      </c>
      <c r="V34" s="53">
        <v>57.93</v>
      </c>
      <c r="W34" s="51">
        <v>0</v>
      </c>
      <c r="X34" s="53">
        <v>0</v>
      </c>
      <c r="Y34" s="54">
        <v>76952</v>
      </c>
      <c r="Z34" s="55">
        <v>23.62</v>
      </c>
      <c r="AA34" s="54">
        <v>60105</v>
      </c>
      <c r="AB34" s="56">
        <v>18.45</v>
      </c>
      <c r="AC34" s="57">
        <v>325801</v>
      </c>
      <c r="AD34" s="54">
        <v>35915</v>
      </c>
      <c r="AE34" s="54">
        <v>78</v>
      </c>
      <c r="AF34" s="54">
        <v>893</v>
      </c>
      <c r="AG34" s="54">
        <v>34452</v>
      </c>
      <c r="AH34" s="241">
        <v>10287</v>
      </c>
      <c r="AI34" s="52">
        <v>264750</v>
      </c>
    </row>
    <row r="35" spans="1:35" s="58" customFormat="1" ht="13.5" customHeight="1" x14ac:dyDescent="0.15">
      <c r="A35" s="36">
        <v>30</v>
      </c>
      <c r="B35" s="37" t="s">
        <v>103</v>
      </c>
      <c r="C35" s="69"/>
      <c r="D35" s="59" t="s">
        <v>57</v>
      </c>
      <c r="E35" s="61" t="s">
        <v>82</v>
      </c>
      <c r="F35" s="62">
        <v>12</v>
      </c>
      <c r="G35" s="63" t="s">
        <v>83</v>
      </c>
      <c r="H35" s="43" t="s">
        <v>57</v>
      </c>
      <c r="I35" s="71"/>
      <c r="J35" s="72"/>
      <c r="K35" s="82" t="s">
        <v>57</v>
      </c>
      <c r="L35" s="65">
        <v>5.5</v>
      </c>
      <c r="M35" s="65">
        <v>29.77</v>
      </c>
      <c r="N35" s="73">
        <v>29120</v>
      </c>
      <c r="O35" s="73">
        <v>27640</v>
      </c>
      <c r="P35" s="68">
        <v>54</v>
      </c>
      <c r="Q35" s="51">
        <v>1885474</v>
      </c>
      <c r="R35" s="52">
        <v>65460</v>
      </c>
      <c r="S35" s="36">
        <v>30</v>
      </c>
      <c r="T35" s="37" t="s">
        <v>103</v>
      </c>
      <c r="U35" s="51">
        <v>103701</v>
      </c>
      <c r="V35" s="53">
        <v>43.71</v>
      </c>
      <c r="W35" s="51">
        <v>19487</v>
      </c>
      <c r="X35" s="53">
        <v>8.2100000000000009</v>
      </c>
      <c r="Y35" s="54">
        <v>73149</v>
      </c>
      <c r="Z35" s="55">
        <v>30.83</v>
      </c>
      <c r="AA35" s="54">
        <v>40914</v>
      </c>
      <c r="AB35" s="56">
        <v>17.25</v>
      </c>
      <c r="AC35" s="57">
        <v>237251</v>
      </c>
      <c r="AD35" s="54">
        <v>27589</v>
      </c>
      <c r="AE35" s="54">
        <v>0</v>
      </c>
      <c r="AF35" s="54">
        <v>66</v>
      </c>
      <c r="AG35" s="54">
        <v>19593</v>
      </c>
      <c r="AH35" s="241">
        <v>5584</v>
      </c>
      <c r="AI35" s="52">
        <v>195587</v>
      </c>
    </row>
    <row r="36" spans="1:35" s="58" customFormat="1" ht="13.5" customHeight="1" x14ac:dyDescent="0.15">
      <c r="A36" s="36">
        <v>31</v>
      </c>
      <c r="B36" s="37" t="s">
        <v>104</v>
      </c>
      <c r="C36" s="59" t="s">
        <v>57</v>
      </c>
      <c r="D36" s="69"/>
      <c r="E36" s="61" t="s">
        <v>82</v>
      </c>
      <c r="F36" s="62">
        <v>10</v>
      </c>
      <c r="G36" s="63" t="s">
        <v>60</v>
      </c>
      <c r="H36" s="43" t="s">
        <v>57</v>
      </c>
      <c r="I36" s="71"/>
      <c r="J36" s="72"/>
      <c r="K36" s="82" t="s">
        <v>57</v>
      </c>
      <c r="L36" s="65">
        <v>6.62</v>
      </c>
      <c r="M36" s="65">
        <v>36.53</v>
      </c>
      <c r="N36" s="73">
        <v>29600</v>
      </c>
      <c r="O36" s="73">
        <v>24800</v>
      </c>
      <c r="P36" s="68">
        <v>54</v>
      </c>
      <c r="Q36" s="51">
        <v>5796453</v>
      </c>
      <c r="R36" s="52">
        <v>231983</v>
      </c>
      <c r="S36" s="36">
        <v>31</v>
      </c>
      <c r="T36" s="37" t="s">
        <v>104</v>
      </c>
      <c r="U36" s="51">
        <v>377300</v>
      </c>
      <c r="V36" s="53">
        <v>44.65</v>
      </c>
      <c r="W36" s="51">
        <v>84747</v>
      </c>
      <c r="X36" s="53">
        <v>10.029999999999999</v>
      </c>
      <c r="Y36" s="54">
        <v>255004</v>
      </c>
      <c r="Z36" s="55">
        <v>30.18</v>
      </c>
      <c r="AA36" s="54">
        <v>127888</v>
      </c>
      <c r="AB36" s="56">
        <v>15.14</v>
      </c>
      <c r="AC36" s="57">
        <v>844939</v>
      </c>
      <c r="AD36" s="54">
        <v>83814</v>
      </c>
      <c r="AE36" s="54">
        <v>0</v>
      </c>
      <c r="AF36" s="54">
        <v>1150</v>
      </c>
      <c r="AG36" s="54">
        <v>52864</v>
      </c>
      <c r="AH36" s="241">
        <v>-24731</v>
      </c>
      <c r="AI36" s="52">
        <v>682380</v>
      </c>
    </row>
    <row r="37" spans="1:35" s="58" customFormat="1" ht="13.5" customHeight="1" x14ac:dyDescent="0.15">
      <c r="A37" s="36">
        <v>32</v>
      </c>
      <c r="B37" s="37" t="s">
        <v>105</v>
      </c>
      <c r="C37" s="69"/>
      <c r="D37" s="59" t="s">
        <v>57</v>
      </c>
      <c r="E37" s="70">
        <v>3</v>
      </c>
      <c r="F37" s="62" t="s">
        <v>59</v>
      </c>
      <c r="G37" s="63" t="s">
        <v>60</v>
      </c>
      <c r="H37" s="43" t="s">
        <v>57</v>
      </c>
      <c r="I37" s="71"/>
      <c r="J37" s="72"/>
      <c r="K37" s="64" t="s">
        <v>62</v>
      </c>
      <c r="L37" s="65">
        <v>5.96</v>
      </c>
      <c r="M37" s="66" t="s">
        <v>63</v>
      </c>
      <c r="N37" s="67">
        <v>20400</v>
      </c>
      <c r="O37" s="73">
        <v>24000</v>
      </c>
      <c r="P37" s="68">
        <v>54</v>
      </c>
      <c r="Q37" s="51">
        <v>10680886</v>
      </c>
      <c r="R37" s="52">
        <v>0</v>
      </c>
      <c r="S37" s="36">
        <v>32</v>
      </c>
      <c r="T37" s="37" t="s">
        <v>105</v>
      </c>
      <c r="U37" s="51">
        <v>636578</v>
      </c>
      <c r="V37" s="53">
        <v>56.72</v>
      </c>
      <c r="W37" s="51">
        <v>0</v>
      </c>
      <c r="X37" s="53">
        <v>0</v>
      </c>
      <c r="Y37" s="54">
        <v>290231</v>
      </c>
      <c r="Z37" s="55">
        <v>25.86</v>
      </c>
      <c r="AA37" s="54">
        <v>195468</v>
      </c>
      <c r="AB37" s="56">
        <v>17.420000000000002</v>
      </c>
      <c r="AC37" s="57">
        <v>1122277</v>
      </c>
      <c r="AD37" s="54">
        <v>105116</v>
      </c>
      <c r="AE37" s="54">
        <v>0</v>
      </c>
      <c r="AF37" s="54">
        <v>190</v>
      </c>
      <c r="AG37" s="54">
        <v>73236</v>
      </c>
      <c r="AH37" s="241">
        <v>-105528</v>
      </c>
      <c r="AI37" s="52">
        <v>838207</v>
      </c>
    </row>
    <row r="38" spans="1:35" s="58" customFormat="1" ht="13.5" customHeight="1" thickBot="1" x14ac:dyDescent="0.2">
      <c r="A38" s="122">
        <v>33</v>
      </c>
      <c r="B38" s="123" t="s">
        <v>106</v>
      </c>
      <c r="C38" s="87" t="s">
        <v>57</v>
      </c>
      <c r="D38" s="86"/>
      <c r="E38" s="124">
        <v>3</v>
      </c>
      <c r="F38" s="125" t="s">
        <v>59</v>
      </c>
      <c r="G38" s="126" t="s">
        <v>60</v>
      </c>
      <c r="H38" s="127" t="s">
        <v>57</v>
      </c>
      <c r="I38" s="128"/>
      <c r="J38" s="129"/>
      <c r="K38" s="130" t="s">
        <v>62</v>
      </c>
      <c r="L38" s="131">
        <v>5.3</v>
      </c>
      <c r="M38" s="95" t="s">
        <v>63</v>
      </c>
      <c r="N38" s="132">
        <v>24530</v>
      </c>
      <c r="O38" s="132">
        <v>13120</v>
      </c>
      <c r="P38" s="133">
        <v>54</v>
      </c>
      <c r="Q38" s="134">
        <v>749969</v>
      </c>
      <c r="R38" s="135">
        <v>0</v>
      </c>
      <c r="S38" s="122">
        <v>33</v>
      </c>
      <c r="T38" s="123" t="s">
        <v>106</v>
      </c>
      <c r="U38" s="134">
        <v>39749</v>
      </c>
      <c r="V38" s="136">
        <v>54.989999999999995</v>
      </c>
      <c r="W38" s="134">
        <v>0</v>
      </c>
      <c r="X38" s="136">
        <v>0</v>
      </c>
      <c r="Y38" s="137">
        <v>24824</v>
      </c>
      <c r="Z38" s="138">
        <v>34.340000000000003</v>
      </c>
      <c r="AA38" s="137">
        <v>7710</v>
      </c>
      <c r="AB38" s="139">
        <v>10.67</v>
      </c>
      <c r="AC38" s="140">
        <v>72283</v>
      </c>
      <c r="AD38" s="137">
        <v>6797</v>
      </c>
      <c r="AE38" s="137">
        <v>0</v>
      </c>
      <c r="AF38" s="137">
        <v>0</v>
      </c>
      <c r="AG38" s="137">
        <v>1256</v>
      </c>
      <c r="AH38" s="243">
        <v>-4257</v>
      </c>
      <c r="AI38" s="135">
        <v>59973</v>
      </c>
    </row>
    <row r="39" spans="1:35" s="58" customFormat="1" ht="13.5" customHeight="1" thickTop="1" x14ac:dyDescent="0.15">
      <c r="A39" s="36">
        <v>301</v>
      </c>
      <c r="B39" s="37" t="s">
        <v>107</v>
      </c>
      <c r="C39" s="144" t="s">
        <v>108</v>
      </c>
      <c r="D39" s="71"/>
      <c r="E39" s="145"/>
      <c r="F39" s="146" t="s">
        <v>109</v>
      </c>
      <c r="G39" s="147"/>
      <c r="H39" s="92"/>
      <c r="I39" s="92"/>
      <c r="J39" s="92"/>
      <c r="K39" s="148"/>
      <c r="L39" s="149" t="s">
        <v>110</v>
      </c>
      <c r="M39" s="150"/>
      <c r="N39" s="51"/>
      <c r="O39" s="51"/>
      <c r="P39" s="151"/>
      <c r="Q39" s="51"/>
      <c r="R39" s="152"/>
      <c r="S39" s="36">
        <v>301</v>
      </c>
      <c r="T39" s="37" t="s">
        <v>111</v>
      </c>
      <c r="U39" s="101"/>
      <c r="V39" s="153"/>
      <c r="W39" s="103"/>
      <c r="X39" s="154"/>
      <c r="Y39" s="103"/>
      <c r="Z39" s="155"/>
      <c r="AA39" s="103"/>
      <c r="AB39" s="156"/>
      <c r="AC39" s="57">
        <v>1600108</v>
      </c>
      <c r="AD39" s="103"/>
      <c r="AE39" s="103"/>
      <c r="AF39" s="103"/>
      <c r="AG39" s="103"/>
      <c r="AH39" s="157"/>
      <c r="AI39" s="158">
        <v>1600108</v>
      </c>
    </row>
    <row r="40" spans="1:35" s="58" customFormat="1" ht="13.5" customHeight="1" x14ac:dyDescent="0.15">
      <c r="A40" s="36">
        <v>302</v>
      </c>
      <c r="B40" s="37" t="s">
        <v>112</v>
      </c>
      <c r="C40" s="144" t="s">
        <v>108</v>
      </c>
      <c r="D40" s="71"/>
      <c r="E40" s="145"/>
      <c r="F40" s="159" t="s">
        <v>109</v>
      </c>
      <c r="G40" s="160"/>
      <c r="H40" s="92"/>
      <c r="I40" s="92"/>
      <c r="J40" s="92"/>
      <c r="K40" s="148"/>
      <c r="L40" s="149" t="s">
        <v>113</v>
      </c>
      <c r="M40" s="150"/>
      <c r="N40" s="51"/>
      <c r="O40" s="51"/>
      <c r="P40" s="151"/>
      <c r="Q40" s="51"/>
      <c r="R40" s="152"/>
      <c r="S40" s="36">
        <v>302</v>
      </c>
      <c r="T40" s="37" t="s">
        <v>112</v>
      </c>
      <c r="U40" s="101"/>
      <c r="V40" s="153"/>
      <c r="W40" s="103"/>
      <c r="X40" s="154"/>
      <c r="Y40" s="103"/>
      <c r="Z40" s="155"/>
      <c r="AA40" s="103"/>
      <c r="AB40" s="156"/>
      <c r="AC40" s="57">
        <v>2690877</v>
      </c>
      <c r="AD40" s="103"/>
      <c r="AE40" s="103"/>
      <c r="AF40" s="103"/>
      <c r="AG40" s="103"/>
      <c r="AH40" s="157"/>
      <c r="AI40" s="158">
        <v>2690877</v>
      </c>
    </row>
    <row r="41" spans="1:35" s="58" customFormat="1" ht="13.5" customHeight="1" x14ac:dyDescent="0.15">
      <c r="A41" s="36">
        <v>303</v>
      </c>
      <c r="B41" s="37" t="s">
        <v>114</v>
      </c>
      <c r="C41" s="144" t="s">
        <v>61</v>
      </c>
      <c r="D41" s="71"/>
      <c r="E41" s="145"/>
      <c r="F41" s="159" t="s">
        <v>109</v>
      </c>
      <c r="G41" s="160"/>
      <c r="H41" s="92"/>
      <c r="I41" s="92"/>
      <c r="J41" s="92"/>
      <c r="K41" s="148"/>
      <c r="L41" s="149" t="s">
        <v>115</v>
      </c>
      <c r="M41" s="150"/>
      <c r="N41" s="51"/>
      <c r="O41" s="51"/>
      <c r="P41" s="151"/>
      <c r="Q41" s="51"/>
      <c r="R41" s="152"/>
      <c r="S41" s="36">
        <v>303</v>
      </c>
      <c r="T41" s="37" t="s">
        <v>114</v>
      </c>
      <c r="U41" s="101"/>
      <c r="V41" s="153"/>
      <c r="W41" s="103"/>
      <c r="X41" s="154"/>
      <c r="Y41" s="103"/>
      <c r="Z41" s="155"/>
      <c r="AA41" s="103"/>
      <c r="AB41" s="156"/>
      <c r="AC41" s="57">
        <v>1855035</v>
      </c>
      <c r="AD41" s="103"/>
      <c r="AE41" s="103"/>
      <c r="AF41" s="103"/>
      <c r="AG41" s="103"/>
      <c r="AH41" s="157"/>
      <c r="AI41" s="158">
        <v>1855035</v>
      </c>
    </row>
    <row r="42" spans="1:35" s="58" customFormat="1" ht="13.5" customHeight="1" x14ac:dyDescent="0.15">
      <c r="A42" s="36">
        <v>304</v>
      </c>
      <c r="B42" s="37" t="s">
        <v>116</v>
      </c>
      <c r="C42" s="144" t="s">
        <v>70</v>
      </c>
      <c r="D42" s="71"/>
      <c r="E42" s="145"/>
      <c r="F42" s="159" t="s">
        <v>109</v>
      </c>
      <c r="G42" s="160"/>
      <c r="H42" s="92"/>
      <c r="I42" s="92"/>
      <c r="J42" s="92"/>
      <c r="K42" s="148"/>
      <c r="L42" s="149" t="s">
        <v>117</v>
      </c>
      <c r="M42" s="150"/>
      <c r="N42" s="51"/>
      <c r="O42" s="51"/>
      <c r="P42" s="151"/>
      <c r="Q42" s="51"/>
      <c r="R42" s="152"/>
      <c r="S42" s="36">
        <v>304</v>
      </c>
      <c r="T42" s="37" t="s">
        <v>116</v>
      </c>
      <c r="U42" s="101"/>
      <c r="V42" s="153"/>
      <c r="W42" s="103"/>
      <c r="X42" s="154"/>
      <c r="Y42" s="103"/>
      <c r="Z42" s="155"/>
      <c r="AA42" s="103"/>
      <c r="AB42" s="156"/>
      <c r="AC42" s="57">
        <v>744473</v>
      </c>
      <c r="AD42" s="103"/>
      <c r="AE42" s="103"/>
      <c r="AF42" s="103"/>
      <c r="AG42" s="103"/>
      <c r="AH42" s="157"/>
      <c r="AI42" s="158">
        <v>744473</v>
      </c>
    </row>
    <row r="43" spans="1:35" s="58" customFormat="1" ht="13.5" customHeight="1" x14ac:dyDescent="0.15">
      <c r="A43" s="36">
        <v>305</v>
      </c>
      <c r="B43" s="37" t="s">
        <v>118</v>
      </c>
      <c r="C43" s="144" t="s">
        <v>108</v>
      </c>
      <c r="D43" s="71"/>
      <c r="E43" s="145"/>
      <c r="F43" s="159" t="s">
        <v>109</v>
      </c>
      <c r="G43" s="160"/>
      <c r="H43" s="92"/>
      <c r="I43" s="92"/>
      <c r="J43" s="92"/>
      <c r="K43" s="148"/>
      <c r="L43" s="149" t="s">
        <v>119</v>
      </c>
      <c r="M43" s="150"/>
      <c r="N43" s="51"/>
      <c r="O43" s="51"/>
      <c r="P43" s="151"/>
      <c r="Q43" s="51"/>
      <c r="R43" s="152"/>
      <c r="S43" s="36">
        <v>305</v>
      </c>
      <c r="T43" s="37" t="s">
        <v>118</v>
      </c>
      <c r="U43" s="101"/>
      <c r="V43" s="153"/>
      <c r="W43" s="103"/>
      <c r="X43" s="154"/>
      <c r="Y43" s="103"/>
      <c r="Z43" s="155"/>
      <c r="AA43" s="103"/>
      <c r="AB43" s="156"/>
      <c r="AC43" s="57">
        <v>1150126</v>
      </c>
      <c r="AD43" s="103"/>
      <c r="AE43" s="103"/>
      <c r="AF43" s="103"/>
      <c r="AG43" s="103"/>
      <c r="AH43" s="157"/>
      <c r="AI43" s="158">
        <v>1150126</v>
      </c>
    </row>
    <row r="44" spans="1:35" s="58" customFormat="1" ht="13.5" customHeight="1" thickBot="1" x14ac:dyDescent="0.2">
      <c r="A44" s="122">
        <v>306</v>
      </c>
      <c r="B44" s="123" t="s">
        <v>120</v>
      </c>
      <c r="C44" s="161" t="s">
        <v>61</v>
      </c>
      <c r="D44" s="142"/>
      <c r="E44" s="162"/>
      <c r="F44" s="163" t="s">
        <v>109</v>
      </c>
      <c r="G44" s="164"/>
      <c r="H44" s="143"/>
      <c r="I44" s="143"/>
      <c r="J44" s="143"/>
      <c r="K44" s="165"/>
      <c r="L44" s="166" t="s">
        <v>121</v>
      </c>
      <c r="M44" s="167"/>
      <c r="N44" s="101"/>
      <c r="O44" s="101"/>
      <c r="P44" s="168"/>
      <c r="Q44" s="101"/>
      <c r="R44" s="169"/>
      <c r="S44" s="122">
        <v>306</v>
      </c>
      <c r="T44" s="123" t="s">
        <v>120</v>
      </c>
      <c r="U44" s="134"/>
      <c r="V44" s="170"/>
      <c r="W44" s="137"/>
      <c r="X44" s="171"/>
      <c r="Y44" s="137"/>
      <c r="Z44" s="172"/>
      <c r="AA44" s="137"/>
      <c r="AB44" s="173"/>
      <c r="AC44" s="174">
        <v>9056122</v>
      </c>
      <c r="AD44" s="137"/>
      <c r="AE44" s="137"/>
      <c r="AF44" s="137"/>
      <c r="AG44" s="137"/>
      <c r="AH44" s="141"/>
      <c r="AI44" s="175">
        <v>9056122</v>
      </c>
    </row>
    <row r="45" spans="1:35" ht="13.5" customHeight="1" thickTop="1" x14ac:dyDescent="0.15">
      <c r="A45" s="249" t="s">
        <v>122</v>
      </c>
      <c r="B45" s="250"/>
      <c r="C45" s="179">
        <v>9</v>
      </c>
      <c r="D45" s="180">
        <v>10</v>
      </c>
      <c r="E45" s="181"/>
      <c r="F45" s="182"/>
      <c r="G45" s="183"/>
      <c r="H45" s="184">
        <v>19</v>
      </c>
      <c r="I45" s="185">
        <v>0</v>
      </c>
      <c r="J45" s="184">
        <v>0</v>
      </c>
      <c r="K45" s="186">
        <v>18</v>
      </c>
      <c r="L45" s="187"/>
      <c r="M45" s="188"/>
      <c r="N45" s="188"/>
      <c r="O45" s="188"/>
      <c r="P45" s="188"/>
      <c r="Q45" s="189">
        <v>1836840651</v>
      </c>
      <c r="R45" s="190">
        <v>1110474</v>
      </c>
      <c r="S45" s="249" t="s">
        <v>123</v>
      </c>
      <c r="T45" s="250"/>
      <c r="U45" s="191">
        <v>113904841</v>
      </c>
      <c r="V45" s="192">
        <v>61.9</v>
      </c>
      <c r="W45" s="193">
        <v>55079</v>
      </c>
      <c r="X45" s="192">
        <v>0.03</v>
      </c>
      <c r="Y45" s="193">
        <v>57790582</v>
      </c>
      <c r="Z45" s="194">
        <v>31.4</v>
      </c>
      <c r="AA45" s="193">
        <v>12276435</v>
      </c>
      <c r="AB45" s="195">
        <v>6.67</v>
      </c>
      <c r="AC45" s="196">
        <v>184026937</v>
      </c>
      <c r="AD45" s="193">
        <v>14745753</v>
      </c>
      <c r="AE45" s="193">
        <v>6019</v>
      </c>
      <c r="AF45" s="193">
        <v>1268259</v>
      </c>
      <c r="AG45" s="193">
        <v>20486419</v>
      </c>
      <c r="AH45" s="193">
        <v>-6182918</v>
      </c>
      <c r="AI45" s="197">
        <v>141337569</v>
      </c>
    </row>
    <row r="46" spans="1:35" ht="13.5" customHeight="1" x14ac:dyDescent="0.15">
      <c r="A46" s="251" t="s">
        <v>124</v>
      </c>
      <c r="B46" s="252"/>
      <c r="C46" s="179">
        <v>5</v>
      </c>
      <c r="D46" s="180">
        <v>9</v>
      </c>
      <c r="E46" s="198" t="s">
        <v>125</v>
      </c>
      <c r="F46" s="199"/>
      <c r="G46" s="200"/>
      <c r="H46" s="184">
        <v>14</v>
      </c>
      <c r="I46" s="184">
        <v>0</v>
      </c>
      <c r="J46" s="184">
        <v>0</v>
      </c>
      <c r="K46" s="186">
        <v>5</v>
      </c>
      <c r="L46" s="201"/>
      <c r="M46" s="202"/>
      <c r="N46" s="202"/>
      <c r="O46" s="202"/>
      <c r="P46" s="202"/>
      <c r="Q46" s="193">
        <v>68586574</v>
      </c>
      <c r="R46" s="197">
        <v>1659860</v>
      </c>
      <c r="S46" s="251" t="s">
        <v>126</v>
      </c>
      <c r="T46" s="252"/>
      <c r="U46" s="191">
        <v>4031880</v>
      </c>
      <c r="V46" s="192">
        <v>52.37</v>
      </c>
      <c r="W46" s="193">
        <v>337958</v>
      </c>
      <c r="X46" s="192">
        <v>4.3899999999999997</v>
      </c>
      <c r="Y46" s="193">
        <v>2068756</v>
      </c>
      <c r="Z46" s="194">
        <v>26.87</v>
      </c>
      <c r="AA46" s="193">
        <v>1260375</v>
      </c>
      <c r="AB46" s="195">
        <v>16.37</v>
      </c>
      <c r="AC46" s="196">
        <v>7698969</v>
      </c>
      <c r="AD46" s="193">
        <v>713726</v>
      </c>
      <c r="AE46" s="193">
        <v>78</v>
      </c>
      <c r="AF46" s="193">
        <v>11079</v>
      </c>
      <c r="AG46" s="193">
        <v>615169</v>
      </c>
      <c r="AH46" s="193">
        <v>-334830</v>
      </c>
      <c r="AI46" s="197">
        <v>6024087</v>
      </c>
    </row>
    <row r="47" spans="1:35" ht="13.5" customHeight="1" x14ac:dyDescent="0.15">
      <c r="A47" s="251" t="s">
        <v>127</v>
      </c>
      <c r="B47" s="252"/>
      <c r="C47" s="179">
        <v>14</v>
      </c>
      <c r="D47" s="180">
        <v>19</v>
      </c>
      <c r="E47" s="198" t="s">
        <v>128</v>
      </c>
      <c r="F47" s="199"/>
      <c r="G47" s="200"/>
      <c r="H47" s="184">
        <v>33</v>
      </c>
      <c r="I47" s="203">
        <v>0</v>
      </c>
      <c r="J47" s="184">
        <v>0</v>
      </c>
      <c r="K47" s="186">
        <v>23</v>
      </c>
      <c r="L47" s="201"/>
      <c r="M47" s="202"/>
      <c r="N47" s="202"/>
      <c r="O47" s="202"/>
      <c r="P47" s="202"/>
      <c r="Q47" s="193">
        <v>1905427225</v>
      </c>
      <c r="R47" s="197">
        <v>2770334</v>
      </c>
      <c r="S47" s="251" t="s">
        <v>129</v>
      </c>
      <c r="T47" s="252"/>
      <c r="U47" s="191">
        <v>117936721</v>
      </c>
      <c r="V47" s="192">
        <v>61.52</v>
      </c>
      <c r="W47" s="193">
        <v>393037</v>
      </c>
      <c r="X47" s="192">
        <v>0.2</v>
      </c>
      <c r="Y47" s="193">
        <v>59859338</v>
      </c>
      <c r="Z47" s="194">
        <v>31.22</v>
      </c>
      <c r="AA47" s="193">
        <v>13536810</v>
      </c>
      <c r="AB47" s="195">
        <v>7.06</v>
      </c>
      <c r="AC47" s="196">
        <v>191725906</v>
      </c>
      <c r="AD47" s="193">
        <v>15459479</v>
      </c>
      <c r="AE47" s="193">
        <v>6097</v>
      </c>
      <c r="AF47" s="193">
        <v>1279338</v>
      </c>
      <c r="AG47" s="193">
        <v>21101588</v>
      </c>
      <c r="AH47" s="193">
        <v>-6517748</v>
      </c>
      <c r="AI47" s="197">
        <v>147361656</v>
      </c>
    </row>
    <row r="48" spans="1:35" ht="13.5" customHeight="1" thickBot="1" x14ac:dyDescent="0.2">
      <c r="A48" s="244" t="s">
        <v>130</v>
      </c>
      <c r="B48" s="245"/>
      <c r="C48" s="204">
        <v>6</v>
      </c>
      <c r="D48" s="205">
        <v>0</v>
      </c>
      <c r="E48" s="198" t="s">
        <v>131</v>
      </c>
      <c r="F48" s="206"/>
      <c r="G48" s="207"/>
      <c r="H48" s="208" t="s">
        <v>132</v>
      </c>
      <c r="I48" s="208" t="s">
        <v>133</v>
      </c>
      <c r="J48" s="208" t="s">
        <v>134</v>
      </c>
      <c r="K48" s="209" t="s">
        <v>65</v>
      </c>
      <c r="L48" s="210"/>
      <c r="M48" s="211"/>
      <c r="N48" s="212"/>
      <c r="O48" s="211"/>
      <c r="P48" s="211"/>
      <c r="Q48" s="213" t="s">
        <v>135</v>
      </c>
      <c r="R48" s="214" t="s">
        <v>65</v>
      </c>
      <c r="S48" s="244" t="s">
        <v>136</v>
      </c>
      <c r="T48" s="245"/>
      <c r="U48" s="215" t="s">
        <v>133</v>
      </c>
      <c r="V48" s="216" t="s">
        <v>132</v>
      </c>
      <c r="W48" s="217" t="s">
        <v>134</v>
      </c>
      <c r="X48" s="216" t="s">
        <v>65</v>
      </c>
      <c r="Y48" s="217" t="s">
        <v>137</v>
      </c>
      <c r="Z48" s="218" t="s">
        <v>132</v>
      </c>
      <c r="AA48" s="217" t="s">
        <v>134</v>
      </c>
      <c r="AB48" s="219" t="s">
        <v>133</v>
      </c>
      <c r="AC48" s="220">
        <v>17096741</v>
      </c>
      <c r="AD48" s="213" t="s">
        <v>65</v>
      </c>
      <c r="AE48" s="213" t="s">
        <v>138</v>
      </c>
      <c r="AF48" s="213" t="s">
        <v>139</v>
      </c>
      <c r="AG48" s="213" t="s">
        <v>132</v>
      </c>
      <c r="AH48" s="221"/>
      <c r="AI48" s="222">
        <v>17096741</v>
      </c>
    </row>
    <row r="49" spans="1:35" ht="13.5" customHeight="1" thickTop="1" thickBot="1" x14ac:dyDescent="0.2">
      <c r="A49" s="246" t="s">
        <v>140</v>
      </c>
      <c r="B49" s="247"/>
      <c r="C49" s="223">
        <v>20</v>
      </c>
      <c r="D49" s="224">
        <v>19</v>
      </c>
      <c r="E49" s="225"/>
      <c r="F49" s="226"/>
      <c r="G49" s="227"/>
      <c r="H49" s="228">
        <v>33</v>
      </c>
      <c r="I49" s="229">
        <v>0</v>
      </c>
      <c r="J49" s="228">
        <v>0</v>
      </c>
      <c r="K49" s="230">
        <v>25</v>
      </c>
      <c r="L49" s="231"/>
      <c r="M49" s="232"/>
      <c r="N49" s="232"/>
      <c r="O49" s="232"/>
      <c r="P49" s="232"/>
      <c r="Q49" s="233">
        <v>1905427225</v>
      </c>
      <c r="R49" s="234">
        <v>2770334</v>
      </c>
      <c r="S49" s="246" t="s">
        <v>141</v>
      </c>
      <c r="T49" s="247"/>
      <c r="U49" s="235">
        <v>117936721</v>
      </c>
      <c r="V49" s="236">
        <v>61.52</v>
      </c>
      <c r="W49" s="233">
        <v>393037</v>
      </c>
      <c r="X49" s="236">
        <v>0.2</v>
      </c>
      <c r="Y49" s="233">
        <v>59859338</v>
      </c>
      <c r="Z49" s="237">
        <v>31.22</v>
      </c>
      <c r="AA49" s="233">
        <v>13536810</v>
      </c>
      <c r="AB49" s="238">
        <v>7.06</v>
      </c>
      <c r="AC49" s="239">
        <v>208822647</v>
      </c>
      <c r="AD49" s="233">
        <v>15459479</v>
      </c>
      <c r="AE49" s="233">
        <v>6097</v>
      </c>
      <c r="AF49" s="233">
        <v>1279338</v>
      </c>
      <c r="AG49" s="233">
        <v>21101588</v>
      </c>
      <c r="AH49" s="233">
        <v>-6517748</v>
      </c>
      <c r="AI49" s="234">
        <v>164458397</v>
      </c>
    </row>
    <row r="50" spans="1:35" ht="13.5" customHeight="1" x14ac:dyDescent="0.15">
      <c r="D50" s="176"/>
      <c r="E50" s="177"/>
      <c r="F50" s="178"/>
      <c r="G50" s="178"/>
      <c r="H50" s="176"/>
      <c r="L50" s="248" t="s">
        <v>142</v>
      </c>
      <c r="M50" s="248"/>
      <c r="N50" s="248"/>
      <c r="O50" s="248"/>
    </row>
  </sheetData>
  <mergeCells count="33">
    <mergeCell ref="AI1:AI2"/>
    <mergeCell ref="A3:B5"/>
    <mergeCell ref="C3:D3"/>
    <mergeCell ref="E3:E5"/>
    <mergeCell ref="F3:G3"/>
    <mergeCell ref="H3:J3"/>
    <mergeCell ref="L3:O3"/>
    <mergeCell ref="Q3:R3"/>
    <mergeCell ref="S3:T5"/>
    <mergeCell ref="W4:X4"/>
    <mergeCell ref="Y4:Z4"/>
    <mergeCell ref="AA4:AB4"/>
    <mergeCell ref="U4:V4"/>
    <mergeCell ref="U3:AB3"/>
    <mergeCell ref="AC3:AC4"/>
    <mergeCell ref="AD3:AD4"/>
    <mergeCell ref="AH3:AH4"/>
    <mergeCell ref="C4:C5"/>
    <mergeCell ref="D4:D5"/>
    <mergeCell ref="F4:F5"/>
    <mergeCell ref="G4:G5"/>
    <mergeCell ref="J4:J5"/>
    <mergeCell ref="A45:B45"/>
    <mergeCell ref="S45:T45"/>
    <mergeCell ref="A46:B46"/>
    <mergeCell ref="S46:T46"/>
    <mergeCell ref="A47:B47"/>
    <mergeCell ref="S47:T47"/>
    <mergeCell ref="A48:B48"/>
    <mergeCell ref="S48:T48"/>
    <mergeCell ref="A49:B49"/>
    <mergeCell ref="S49:T49"/>
    <mergeCell ref="L50:O50"/>
  </mergeCells>
  <phoneticPr fontId="4"/>
  <printOptions gridLinesSet="0"/>
  <pageMargins left="0.7" right="0.7" top="0.75" bottom="0.75" header="0.3" footer="0.3"/>
  <pageSetup paperSize="9" scale="80" orientation="landscape" blackAndWhite="1" r:id="rId1"/>
  <headerFooter alignWithMargins="0"/>
  <colBreaks count="1" manualBreakCount="1">
    <brk id="18" max="5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9-1表（医療）</vt:lpstr>
      <vt:lpstr>'第9-1表（医療）'!Print_Area</vt:lpstr>
      <vt:lpstr>'第9-1表（医療）'!Print_Area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28:25Z</cp:lastPrinted>
  <dcterms:created xsi:type="dcterms:W3CDTF">2018-03-07T04:49:27Z</dcterms:created>
  <dcterms:modified xsi:type="dcterms:W3CDTF">2018-03-08T01:51:54Z</dcterms:modified>
</cp:coreProperties>
</file>